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8512\Desktop\106年涉訟輔助統計表\"/>
    </mc:Choice>
  </mc:AlternateContent>
  <bookViews>
    <workbookView xWindow="0" yWindow="0" windowWidth="28800" windowHeight="12390"/>
  </bookViews>
  <sheets>
    <sheet name="工作表1" sheetId="1" r:id="rId1"/>
    <sheet name="工作表2" sheetId="2" state="hidden" r:id="rId2"/>
    <sheet name="工作表3" sheetId="3" state="hidden" r:id="rId3"/>
  </sheets>
  <definedNames>
    <definedName name="民事">工作表2!$AB$3:$AB$45</definedName>
    <definedName name="民事2">工作表2!$AB$2</definedName>
    <definedName name="刑事">工作表2!$AC$3:$AC$54</definedName>
    <definedName name="刑事2">工作表2!$AC$2</definedName>
    <definedName name="涉訟類別">工作表2!$AB$2:$AC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5" uniqueCount="481">
  <si>
    <t>職系</t>
  </si>
  <si>
    <t>是否為辦理採購人員</t>
  </si>
  <si>
    <t>是否成立審查小組</t>
  </si>
  <si>
    <t>不同意理由</t>
  </si>
  <si>
    <t>有無命繳回涉訟輔助情形</t>
  </si>
  <si>
    <t>備 註</t>
  </si>
  <si>
    <t>同意輔助金額（新臺幣）</t>
    <phoneticPr fontId="3" type="noConversion"/>
  </si>
  <si>
    <t>職稱</t>
    <phoneticPr fontId="3" type="noConversion"/>
  </si>
  <si>
    <t xml:space="preserve">    項目
編號</t>
    <phoneticPr fontId="3" type="noConversion"/>
  </si>
  <si>
    <t>輔助對象</t>
    <phoneticPr fontId="3" type="noConversion"/>
  </si>
  <si>
    <t>性別</t>
    <phoneticPr fontId="3" type="noConversion"/>
  </si>
  <si>
    <t>服務機關</t>
    <phoneticPr fontId="3" type="noConversion"/>
  </si>
  <si>
    <t>主管機關</t>
    <phoneticPr fontId="3" type="noConversion"/>
  </si>
  <si>
    <t>追繳金額</t>
    <phoneticPr fontId="3" type="noConversion"/>
  </si>
  <si>
    <t>追繳原因</t>
    <phoneticPr fontId="3" type="noConversion"/>
  </si>
  <si>
    <t>不予追繳理由</t>
    <phoneticPr fontId="3" type="noConversion"/>
  </si>
  <si>
    <t>非依法執行職務</t>
    <phoneticPr fontId="3" type="noConversion"/>
  </si>
  <si>
    <t>他造已給付</t>
    <phoneticPr fontId="3" type="noConversion"/>
  </si>
  <si>
    <t>刑事訴訟法第253條不起訴處分</t>
    <phoneticPr fontId="3" type="noConversion"/>
  </si>
  <si>
    <t>刑事訴訟法第253條之1緩起訴處分</t>
    <phoneticPr fontId="3" type="noConversion"/>
  </si>
  <si>
    <t>行政院</t>
  </si>
  <si>
    <t>內政部</t>
  </si>
  <si>
    <t>外交部</t>
  </si>
  <si>
    <t>國防部</t>
  </si>
  <si>
    <t>財政部</t>
  </si>
  <si>
    <t>教育部</t>
  </si>
  <si>
    <t>法務部</t>
  </si>
  <si>
    <t>經濟部</t>
  </si>
  <si>
    <t>交通部</t>
  </si>
  <si>
    <t>衛生福利部</t>
  </si>
  <si>
    <t>文化部</t>
  </si>
  <si>
    <t>科技部</t>
  </si>
  <si>
    <t>國家發展委員會</t>
  </si>
  <si>
    <t>僑務委員會</t>
  </si>
  <si>
    <t>行政院環境保護署</t>
  </si>
  <si>
    <t>行政院大陸委員會</t>
  </si>
  <si>
    <t>金融監督管理委員會</t>
  </si>
  <si>
    <t>北美事務協調委員會</t>
  </si>
  <si>
    <t>行政院公共工程委員會</t>
  </si>
  <si>
    <t>原住民族委員會</t>
  </si>
  <si>
    <t>客家委員會</t>
  </si>
  <si>
    <t>行政院主計總處</t>
  </si>
  <si>
    <t>行政院人事行政總處</t>
  </si>
  <si>
    <t>國立故宮博物院</t>
  </si>
  <si>
    <t>中央選舉委員會</t>
  </si>
  <si>
    <t>公平交易委員會</t>
  </si>
  <si>
    <t>臺灣省政府</t>
  </si>
  <si>
    <t>福建省政府</t>
  </si>
  <si>
    <t>臺灣省諮議會</t>
  </si>
  <si>
    <t>飛航安全調查委員會</t>
  </si>
  <si>
    <t>不當黨產處理委員會</t>
  </si>
  <si>
    <t>新北市政府</t>
  </si>
  <si>
    <t>臺北市政府</t>
  </si>
  <si>
    <t>桃園市政府</t>
  </si>
  <si>
    <t>臺中市政府</t>
  </si>
  <si>
    <t>臺南市政府</t>
  </si>
  <si>
    <t>高雄市政府</t>
  </si>
  <si>
    <t>宜蘭縣政府</t>
  </si>
  <si>
    <t>新竹縣政府</t>
  </si>
  <si>
    <t>苗栗縣政府</t>
  </si>
  <si>
    <t>彰化縣政府</t>
  </si>
  <si>
    <t>南投縣政府</t>
  </si>
  <si>
    <t>雲林縣政府</t>
  </si>
  <si>
    <t>嘉義縣政府</t>
  </si>
  <si>
    <t>屏東縣政府</t>
  </si>
  <si>
    <t>臺東縣政府</t>
  </si>
  <si>
    <t>花蓮縣政府</t>
  </si>
  <si>
    <t>澎湖縣政府</t>
  </si>
  <si>
    <t>基隆市政府</t>
  </si>
  <si>
    <t>新竹市政府</t>
  </si>
  <si>
    <t>嘉義市政府</t>
  </si>
  <si>
    <t>金門縣政府</t>
  </si>
  <si>
    <t>連江縣政府</t>
  </si>
  <si>
    <t>新北市議會</t>
  </si>
  <si>
    <t>臺北市議會</t>
  </si>
  <si>
    <t>桃園市議會</t>
  </si>
  <si>
    <t>臺中市議會</t>
  </si>
  <si>
    <t>臺南市議會</t>
  </si>
  <si>
    <t>高雄市議會</t>
  </si>
  <si>
    <t>宜蘭縣議會</t>
  </si>
  <si>
    <t>新竹縣議會</t>
  </si>
  <si>
    <t>苗栗縣議會</t>
  </si>
  <si>
    <t>彰化縣議會</t>
  </si>
  <si>
    <t>南投縣議會</t>
  </si>
  <si>
    <t>雲林縣議會</t>
  </si>
  <si>
    <t>嘉義縣議會</t>
  </si>
  <si>
    <t>屏東縣議會</t>
  </si>
  <si>
    <t>臺東縣議會</t>
  </si>
  <si>
    <t>花蓮縣議會</t>
  </si>
  <si>
    <t>澎湖縣議會</t>
  </si>
  <si>
    <t>基隆市議會</t>
  </si>
  <si>
    <t>新竹市議會</t>
  </si>
  <si>
    <t>嘉義市議會</t>
  </si>
  <si>
    <t>金門縣議會</t>
  </si>
  <si>
    <t>連江縣議會</t>
  </si>
  <si>
    <t>勞動部</t>
    <phoneticPr fontId="5" type="noConversion"/>
  </si>
  <si>
    <t>國軍退除役官兵輔導委員會</t>
    <phoneticPr fontId="5" type="noConversion"/>
  </si>
  <si>
    <t>行政院海岸巡防署</t>
    <phoneticPr fontId="5" type="noConversion"/>
  </si>
  <si>
    <t>行政院原子能委員會</t>
    <phoneticPr fontId="5" type="noConversion"/>
  </si>
  <si>
    <t>行政院農業委員會</t>
    <phoneticPr fontId="5" type="noConversion"/>
  </si>
  <si>
    <t>中央銀行</t>
    <phoneticPr fontId="5" type="noConversion"/>
  </si>
  <si>
    <t>國家通訊傳播委員會</t>
    <phoneticPr fontId="5" type="noConversion"/>
  </si>
  <si>
    <t>職等</t>
    <phoneticPr fontId="3" type="noConversion"/>
  </si>
  <si>
    <t>身分證字號(隱蔽後四碼)</t>
    <phoneticPr fontId="3" type="noConversion"/>
  </si>
  <si>
    <t>一般行政</t>
  </si>
  <si>
    <t>一般民政</t>
  </si>
  <si>
    <t>社會行政</t>
  </si>
  <si>
    <t>人事行政</t>
  </si>
  <si>
    <t>戶政</t>
  </si>
  <si>
    <t>原住民族行政</t>
  </si>
  <si>
    <t>社會工作</t>
  </si>
  <si>
    <t>勞工行政</t>
  </si>
  <si>
    <t>文化行政</t>
  </si>
  <si>
    <t>教育行政</t>
  </si>
  <si>
    <t>新聞</t>
  </si>
  <si>
    <t>財稅行政</t>
  </si>
  <si>
    <t>金融保險</t>
  </si>
  <si>
    <t>統計</t>
  </si>
  <si>
    <t>會計</t>
  </si>
  <si>
    <t>審計</t>
  </si>
  <si>
    <t>司法行政</t>
  </si>
  <si>
    <t>矯正</t>
  </si>
  <si>
    <t>法制</t>
  </si>
  <si>
    <t>廉政</t>
  </si>
  <si>
    <t>經建行政</t>
  </si>
  <si>
    <t>企業管理</t>
  </si>
  <si>
    <t>工業行政</t>
  </si>
  <si>
    <t>商業行政</t>
  </si>
  <si>
    <t>農業行政</t>
  </si>
  <si>
    <t>智慧財產行政</t>
  </si>
  <si>
    <t>消費者保護</t>
  </si>
  <si>
    <t>外交事務</t>
  </si>
  <si>
    <t>僑務行政</t>
  </si>
  <si>
    <t>審檢</t>
  </si>
  <si>
    <t>警察行政</t>
  </si>
  <si>
    <t>衛生行政</t>
  </si>
  <si>
    <t>醫務管理</t>
  </si>
  <si>
    <t>環保行政</t>
  </si>
  <si>
    <t>消防行政</t>
  </si>
  <si>
    <t>海巡行政</t>
  </si>
  <si>
    <t>地政</t>
  </si>
  <si>
    <t>博物館管理</t>
  </si>
  <si>
    <t>圖書資訊管理</t>
  </si>
  <si>
    <t>檔案管理</t>
  </si>
  <si>
    <t>史料編篡</t>
  </si>
  <si>
    <t>安全保防</t>
  </si>
  <si>
    <t>情報行政</t>
  </si>
  <si>
    <t>移民行政</t>
  </si>
  <si>
    <t>交通行政</t>
  </si>
  <si>
    <t>農業技術</t>
  </si>
  <si>
    <t>林業技術</t>
  </si>
  <si>
    <t>農業化學</t>
  </si>
  <si>
    <t>園藝</t>
  </si>
  <si>
    <t>植物病蟲害防治</t>
  </si>
  <si>
    <t>自然保育</t>
  </si>
  <si>
    <t>土木工程</t>
  </si>
  <si>
    <t>結構工程</t>
  </si>
  <si>
    <t>水利工程</t>
  </si>
  <si>
    <t>環境工程</t>
  </si>
  <si>
    <t>建築工程</t>
  </si>
  <si>
    <t>都市計畫技術</t>
  </si>
  <si>
    <t>水土保持工程</t>
  </si>
  <si>
    <t>機械工程</t>
  </si>
  <si>
    <t>電力工程</t>
  </si>
  <si>
    <t>電子工程</t>
  </si>
  <si>
    <t>電信工程</t>
  </si>
  <si>
    <t>資訊處理</t>
  </si>
  <si>
    <t>物理</t>
  </si>
  <si>
    <t>原子能</t>
  </si>
  <si>
    <t>化學工程</t>
  </si>
  <si>
    <t>衛生檢驗</t>
  </si>
  <si>
    <t>環境檢驗</t>
  </si>
  <si>
    <t>農畜水產品檢驗</t>
  </si>
  <si>
    <t>商品檢驗</t>
  </si>
  <si>
    <t>地質</t>
  </si>
  <si>
    <t>礦冶材料</t>
  </si>
  <si>
    <t>測量製圖</t>
  </si>
  <si>
    <t>藥事</t>
  </si>
  <si>
    <t>法醫</t>
  </si>
  <si>
    <t>刑事鑑識</t>
  </si>
  <si>
    <t>交通技術</t>
  </si>
  <si>
    <t>天文</t>
  </si>
  <si>
    <t>氣象</t>
  </si>
  <si>
    <t>技藝</t>
  </si>
  <si>
    <t>視聽製作</t>
  </si>
  <si>
    <t>衛生技術</t>
  </si>
  <si>
    <t>消防技術</t>
  </si>
  <si>
    <t>海巡技術</t>
  </si>
  <si>
    <t>水產技術</t>
  </si>
  <si>
    <t>畜牧技術</t>
  </si>
  <si>
    <t>獸醫</t>
  </si>
  <si>
    <t>工業工程</t>
  </si>
  <si>
    <t>工業安全</t>
  </si>
  <si>
    <t>醫學工程</t>
  </si>
  <si>
    <t>環保技術</t>
  </si>
  <si>
    <t>航空管制</t>
  </si>
  <si>
    <t>航空駕駛</t>
  </si>
  <si>
    <t>船舶駕駛</t>
  </si>
  <si>
    <t>景觀設計</t>
  </si>
  <si>
    <t>生物技術</t>
  </si>
  <si>
    <t>官等</t>
    <phoneticPr fontId="3" type="noConversion"/>
  </si>
  <si>
    <t>範例1</t>
    <phoneticPr fontId="3" type="noConversion"/>
  </si>
  <si>
    <t>男</t>
    <phoneticPr fontId="3" type="noConversion"/>
  </si>
  <si>
    <t>女</t>
    <phoneticPr fontId="3" type="noConversion"/>
  </si>
  <si>
    <t>是</t>
    <phoneticPr fontId="3" type="noConversion"/>
  </si>
  <si>
    <t>否</t>
    <phoneticPr fontId="3" type="noConversion"/>
  </si>
  <si>
    <t>有</t>
    <phoneticPr fontId="3" type="noConversion"/>
  </si>
  <si>
    <t>無</t>
    <phoneticPr fontId="3" type="noConversion"/>
  </si>
  <si>
    <t>1-1</t>
  </si>
  <si>
    <t>1-2</t>
  </si>
  <si>
    <t>1-3</t>
  </si>
  <si>
    <t>1-4</t>
  </si>
  <si>
    <t>1-5</t>
  </si>
  <si>
    <t>1-6</t>
  </si>
  <si>
    <t>1-7</t>
  </si>
  <si>
    <t>2-1</t>
  </si>
  <si>
    <t>2-2</t>
  </si>
  <si>
    <t>2-3</t>
  </si>
  <si>
    <t>2-4</t>
  </si>
  <si>
    <t>非輔助對象。</t>
  </si>
  <si>
    <t>非執行職務。</t>
  </si>
  <si>
    <t>非「依法令」執行職務。</t>
  </si>
  <si>
    <t>非涉及民事、刑事訴訟案件。</t>
  </si>
  <si>
    <t>未有延聘律師之事實。</t>
  </si>
  <si>
    <t>已逾10年請求權消滅時效。</t>
  </si>
  <si>
    <t>已逾每案每一審級輔助標準。</t>
  </si>
  <si>
    <t>其他不起訴、裁判或懲戒議決確定後，認有故意或重大過失</t>
    <phoneticPr fontId="3" type="noConversion"/>
  </si>
  <si>
    <t>公務人員保障法第102條第1款所定，教育人員任用條例公布施行前已進用未經銓敘合格之公立學校職員。</t>
  </si>
  <si>
    <t>公務人員保障法第102條第2款所定，私立學校改制為公立學校未具任用資格之留用人員。</t>
  </si>
  <si>
    <t>公務人員保障法第102條第3款所定，公營事業依法任用之人員。</t>
  </si>
  <si>
    <t>公務人員保障法第102條第4款所定，各機關依法派用、聘用、聘任、僱用或留用人員。</t>
  </si>
  <si>
    <t>不同意理由</t>
    <phoneticPr fontId="3" type="noConversion"/>
  </si>
  <si>
    <t>3-1</t>
  </si>
  <si>
    <t>3-2</t>
  </si>
  <si>
    <t>3-3</t>
  </si>
  <si>
    <t>3-4</t>
  </si>
  <si>
    <t>3-5</t>
  </si>
  <si>
    <t>3-6</t>
  </si>
  <si>
    <t>3-7</t>
  </si>
  <si>
    <t>3-8</t>
  </si>
  <si>
    <t>代 碼</t>
    <phoneticPr fontId="3" type="noConversion"/>
  </si>
  <si>
    <t>輔助對象</t>
    <phoneticPr fontId="3" type="noConversion"/>
  </si>
  <si>
    <t>公務人員保障法第3條第1項所定，法定機關依法任用之有給專任人員。</t>
    <phoneticPr fontId="3" type="noConversion"/>
  </si>
  <si>
    <t>2-4</t>
    <phoneticPr fontId="3" type="noConversion"/>
  </si>
  <si>
    <t>2-5</t>
  </si>
  <si>
    <t>2-5</t>
    <phoneticPr fontId="3" type="noConversion"/>
  </si>
  <si>
    <t>涉訟類別(民/刑事訴訟)</t>
    <phoneticPr fontId="3" type="noConversion"/>
  </si>
  <si>
    <t>民事</t>
    <phoneticPr fontId="3" type="noConversion"/>
  </si>
  <si>
    <t>刑事</t>
    <phoneticPr fontId="3" type="noConversion"/>
  </si>
  <si>
    <t>身分(民事訴訟為原告、被告或參加人；刑事訴訟偵查程序或審判程序為自訴人、告訴人、犯罪嫌疑人或被告)</t>
    <phoneticPr fontId="3" type="noConversion"/>
  </si>
  <si>
    <t>原告</t>
    <phoneticPr fontId="3" type="noConversion"/>
  </si>
  <si>
    <t>被告</t>
    <phoneticPr fontId="3" type="noConversion"/>
  </si>
  <si>
    <t>參加人</t>
    <phoneticPr fontId="3" type="noConversion"/>
  </si>
  <si>
    <t>自訴人</t>
    <phoneticPr fontId="3" type="noConversion"/>
  </si>
  <si>
    <t>告訴人</t>
    <phoneticPr fontId="3" type="noConversion"/>
  </si>
  <si>
    <t>犯罪嫌疑人</t>
    <phoneticPr fontId="3" type="noConversion"/>
  </si>
  <si>
    <t>(相當)第十三職等</t>
    <phoneticPr fontId="3" type="noConversion"/>
  </si>
  <si>
    <t>(相當)第十二職等</t>
    <phoneticPr fontId="3" type="noConversion"/>
  </si>
  <si>
    <t>(相當)第十一職等</t>
    <phoneticPr fontId="3" type="noConversion"/>
  </si>
  <si>
    <t>(相當)第十職等</t>
    <phoneticPr fontId="3" type="noConversion"/>
  </si>
  <si>
    <t>(相當)第九職等</t>
    <phoneticPr fontId="3" type="noConversion"/>
  </si>
  <si>
    <t>(相當)第八職等</t>
    <phoneticPr fontId="3" type="noConversion"/>
  </si>
  <si>
    <t>(相當)第七職等</t>
    <phoneticPr fontId="3" type="noConversion"/>
  </si>
  <si>
    <t>(相當)第六職等</t>
    <phoneticPr fontId="3" type="noConversion"/>
  </si>
  <si>
    <t>(相當)第五職等</t>
    <phoneticPr fontId="3" type="noConversion"/>
  </si>
  <si>
    <t>(相當)第四職等</t>
    <phoneticPr fontId="3" type="noConversion"/>
  </si>
  <si>
    <t>(相當)第三職等</t>
    <phoneticPr fontId="3" type="noConversion"/>
  </si>
  <si>
    <t>(相當)第二職等</t>
    <phoneticPr fontId="3" type="noConversion"/>
  </si>
  <si>
    <t>(相當)第一職等</t>
    <phoneticPr fontId="3" type="noConversion"/>
  </si>
  <si>
    <t>範例2</t>
    <phoneticPr fontId="3" type="noConversion"/>
  </si>
  <si>
    <t>範例3</t>
    <phoneticPr fontId="3" type="noConversion"/>
  </si>
  <si>
    <t>A12345</t>
    <phoneticPr fontId="3" type="noConversion"/>
  </si>
  <si>
    <t>無職系-依法令從事公務之人員</t>
    <phoneticPr fontId="3" type="noConversion"/>
  </si>
  <si>
    <t>無職系-公營事業人員</t>
    <phoneticPr fontId="3" type="noConversion"/>
  </si>
  <si>
    <t>無職系-警察人員</t>
    <phoneticPr fontId="3" type="noConversion"/>
  </si>
  <si>
    <t>無職系-醫事人員</t>
    <phoneticPr fontId="3" type="noConversion"/>
  </si>
  <si>
    <t>無職系-教師兼行政人員</t>
    <phoneticPr fontId="3" type="noConversion"/>
  </si>
  <si>
    <t>無職系-約聘僱人員</t>
    <phoneticPr fontId="3" type="noConversion"/>
  </si>
  <si>
    <t>無職系-關務人員</t>
    <phoneticPr fontId="3" type="noConversion"/>
  </si>
  <si>
    <t>無職系-消防人員</t>
    <phoneticPr fontId="3" type="noConversion"/>
  </si>
  <si>
    <t>無職系-民選公職人員</t>
    <phoneticPr fontId="3" type="noConversion"/>
  </si>
  <si>
    <t>無職系-政務人員</t>
    <phoneticPr fontId="3" type="noConversion"/>
  </si>
  <si>
    <t>同意(或不同意)輔助日期(如機關審查小組決議日期或簽奉核定同意輔助日期，並請填入7碼半形數字，如1060701)</t>
    <phoneticPr fontId="3" type="noConversion"/>
  </si>
  <si>
    <t>案由</t>
    <phoneticPr fontId="3" type="noConversion"/>
  </si>
  <si>
    <t>貪污治罪條例</t>
  </si>
  <si>
    <t>過失致死罪</t>
  </si>
  <si>
    <t>傷害罪</t>
  </si>
  <si>
    <t>瀆職罪</t>
  </si>
  <si>
    <t>妨害公務罪</t>
  </si>
  <si>
    <t>妨害投票罪</t>
  </si>
  <si>
    <t>妨害秩序罪</t>
  </si>
  <si>
    <t>脫逃罪</t>
  </si>
  <si>
    <t>藏匿人犯及湮滅證據罪</t>
  </si>
  <si>
    <t>偽證罪</t>
  </si>
  <si>
    <t>誣告罪</t>
  </si>
  <si>
    <t>強盜罪</t>
  </si>
  <si>
    <t>搶奪及海盜罪</t>
  </si>
  <si>
    <t>侵占罪</t>
  </si>
  <si>
    <t>詐欺罪</t>
  </si>
  <si>
    <t>背信罪</t>
  </si>
  <si>
    <t>重利罪</t>
  </si>
  <si>
    <t>恐嚇取財罪</t>
  </si>
  <si>
    <t>擄人勒贖罪</t>
  </si>
  <si>
    <t>贓物罪</t>
  </si>
  <si>
    <t>毀棄損壞罪</t>
  </si>
  <si>
    <t>妨害電腦使用罪</t>
  </si>
  <si>
    <t>違反管制藥品管理條例</t>
  </si>
  <si>
    <t>違反著作權法</t>
  </si>
  <si>
    <t>違反專利法</t>
  </si>
  <si>
    <t>違反商標法</t>
  </si>
  <si>
    <t>違反槍砲彈藥刀械管制例條</t>
  </si>
  <si>
    <t>違反選舉罷免法</t>
  </si>
  <si>
    <t>公共危險罪</t>
  </si>
  <si>
    <t>偽造貨幣罪</t>
  </si>
  <si>
    <t>偽造有價證券罪</t>
  </si>
  <si>
    <t>偽造度量衡罪</t>
  </si>
  <si>
    <t>偽造文書印文罪</t>
  </si>
  <si>
    <t>妨害性自主罪</t>
  </si>
  <si>
    <t>妨害風化罪</t>
  </si>
  <si>
    <t>妨害婚姻及家庭罪</t>
  </si>
  <si>
    <t>褻瀆祀典及侵害墳墓屍體罪</t>
  </si>
  <si>
    <t>妨害農工商罪</t>
  </si>
  <si>
    <t>賭博罪</t>
  </si>
  <si>
    <t>殺人罪</t>
  </si>
  <si>
    <t>墮胎罪</t>
  </si>
  <si>
    <t>遺棄罪</t>
  </si>
  <si>
    <t>妨害自由罪</t>
  </si>
  <si>
    <t>妨害名譽及信用罪</t>
  </si>
  <si>
    <t>妨害秘密罪</t>
  </si>
  <si>
    <t>竊盜罪</t>
  </si>
  <si>
    <t>懲治盜匪條例</t>
  </si>
  <si>
    <t>妨害兵役治罪條例</t>
  </si>
  <si>
    <t>違反毒品危害防制條例</t>
  </si>
  <si>
    <t>違反菸酒管理法</t>
  </si>
  <si>
    <t>違反藥事法</t>
  </si>
  <si>
    <t>不當得利</t>
  </si>
  <si>
    <t>損害賠償</t>
  </si>
  <si>
    <t>執行事件訴訟</t>
    <phoneticPr fontId="3" type="noConversion"/>
  </si>
  <si>
    <t>買賣</t>
  </si>
  <si>
    <t>贈與</t>
  </si>
  <si>
    <t>租賃</t>
  </si>
  <si>
    <t>借貸</t>
  </si>
  <si>
    <t>僱傭</t>
  </si>
  <si>
    <t>承攬</t>
  </si>
  <si>
    <t>旅遊</t>
  </si>
  <si>
    <t>出版</t>
  </si>
  <si>
    <t>委任</t>
  </si>
  <si>
    <t>寄託</t>
  </si>
  <si>
    <t>倉庫</t>
  </si>
  <si>
    <t>運送營業</t>
  </si>
  <si>
    <t>合夥</t>
  </si>
  <si>
    <t>和解</t>
  </si>
  <si>
    <t>合會</t>
  </si>
  <si>
    <t>人事保證</t>
  </si>
  <si>
    <t>利息等定期給付</t>
  </si>
  <si>
    <t>所有權</t>
  </si>
  <si>
    <t>地上權</t>
  </si>
  <si>
    <t>不動產役權</t>
  </si>
  <si>
    <t>抵押權</t>
  </si>
  <si>
    <t>質權</t>
  </si>
  <si>
    <t>占有</t>
  </si>
  <si>
    <t>公司法</t>
  </si>
  <si>
    <t>票據法</t>
  </si>
  <si>
    <t>海商事件</t>
  </si>
  <si>
    <t>保險事件</t>
  </si>
  <si>
    <t>動產擔保交易</t>
    <phoneticPr fontId="3" type="noConversion"/>
  </si>
  <si>
    <t>土地法</t>
  </si>
  <si>
    <t>三七五租約</t>
    <phoneticPr fontId="3" type="noConversion"/>
  </si>
  <si>
    <t>證券交易</t>
  </si>
  <si>
    <t>國際貿易</t>
  </si>
  <si>
    <t>國家賠償</t>
  </si>
  <si>
    <t>撤銷仲裁判斷事件</t>
  </si>
  <si>
    <t>選舉罷免訴訟</t>
    <phoneticPr fontId="3" type="noConversion"/>
  </si>
  <si>
    <t>勞資爭議處理法</t>
  </si>
  <si>
    <t>著作權</t>
  </si>
  <si>
    <t>專利權</t>
  </si>
  <si>
    <t>商標專用權</t>
    <phoneticPr fontId="3" type="noConversion"/>
  </si>
  <si>
    <t>其他(請於備註欄載明)</t>
    <phoneticPr fontId="3" type="noConversion"/>
  </si>
  <si>
    <t>Z99999</t>
    <phoneticPr fontId="3" type="noConversion"/>
  </si>
  <si>
    <t>A10000</t>
    <phoneticPr fontId="3" type="noConversion"/>
  </si>
  <si>
    <t>主管機關
(全銜)</t>
    <phoneticPr fontId="3" type="noConversion"/>
  </si>
  <si>
    <t>民事</t>
  </si>
  <si>
    <t>刑事</t>
  </si>
  <si>
    <t>案由一</t>
    <phoneticPr fontId="3" type="noConversion"/>
  </si>
  <si>
    <t>案由二</t>
    <phoneticPr fontId="3" type="noConversion"/>
  </si>
  <si>
    <t>案由三</t>
    <phoneticPr fontId="3" type="noConversion"/>
  </si>
  <si>
    <t>相當簡任（派）、警監、師（一）級</t>
    <phoneticPr fontId="3" type="noConversion"/>
  </si>
  <si>
    <t>相當薦任（派）、警正、師（二）、（三）級</t>
    <phoneticPr fontId="3" type="noConversion"/>
  </si>
  <si>
    <t>相當委任（派）、警佐、士（生）級、雇員</t>
    <phoneticPr fontId="3" type="noConversion"/>
  </si>
  <si>
    <t>(相當)第十職等</t>
  </si>
  <si>
    <t>被告</t>
  </si>
  <si>
    <t>其他(如證人或關係人)</t>
    <phoneticPr fontId="3" type="noConversion"/>
  </si>
  <si>
    <t>是</t>
  </si>
  <si>
    <t>無</t>
  </si>
  <si>
    <t>服務機關
(全銜)</t>
    <phoneticPr fontId="3" type="noConversion"/>
  </si>
  <si>
    <t>無職系-醫事人員</t>
  </si>
  <si>
    <t>無職系-消防人員</t>
  </si>
  <si>
    <t>備註</t>
    <phoneticPr fontId="3" type="noConversion"/>
  </si>
  <si>
    <t>無相當職等</t>
    <phoneticPr fontId="3" type="noConversion"/>
  </si>
  <si>
    <t>否</t>
    <phoneticPr fontId="3" type="noConversion"/>
  </si>
  <si>
    <t>決定是否
輔助機關
(全銜)</t>
    <phoneticPr fontId="3" type="noConversion"/>
  </si>
  <si>
    <t>無職系-警察人員</t>
  </si>
  <si>
    <t>代碼意義</t>
    <phoneticPr fontId="3" type="noConversion"/>
  </si>
  <si>
    <t>督察</t>
    <phoneticPr fontId="3" type="noConversion"/>
  </si>
  <si>
    <t>(相當)第七職等</t>
  </si>
  <si>
    <t>醫事放射師</t>
    <phoneticPr fontId="3" type="noConversion"/>
  </si>
  <si>
    <t>F22345</t>
    <phoneticPr fontId="3" type="noConversion"/>
  </si>
  <si>
    <t>否</t>
  </si>
  <si>
    <t>範例4</t>
  </si>
  <si>
    <t>追繳原因</t>
    <phoneticPr fontId="3" type="noConversion"/>
  </si>
  <si>
    <t>不追繳原因</t>
    <phoneticPr fontId="3" type="noConversion"/>
  </si>
  <si>
    <t>其他不起訴、裁判或懲戒議決確定後，經機關審查小組認無故意或重大過失</t>
  </si>
  <si>
    <t>其他不起訴、裁判或懲戒議決確定後，經機關審查小組認無故意或重大過失</t>
    <phoneticPr fontId="3" type="noConversion"/>
  </si>
  <si>
    <t>其他不起訴、裁判或懲戒議決確定後，經機關認無故意或重大過失(非機關審查小組重行審查)</t>
    <phoneticPr fontId="3" type="noConversion"/>
  </si>
  <si>
    <t>(相當)第三職等</t>
  </si>
  <si>
    <t>書記</t>
    <phoneticPr fontId="3" type="noConversion"/>
  </si>
  <si>
    <t>俟偵審或懲戒議決確定後，再重行審查</t>
  </si>
  <si>
    <t>1.臺灣臺北地方法院檢察署106年
00月00日106年度醫他字000號通
知書。
2.案由：業務過失傷害(醫療糾紛)。
3.主文(判決結果)：本案尚在審理
中。</t>
    <phoneticPr fontId="3" type="noConversion"/>
  </si>
  <si>
    <t>範例5</t>
  </si>
  <si>
    <t>無相當職等</t>
  </si>
  <si>
    <t>A12222</t>
    <phoneticPr fontId="3" type="noConversion"/>
  </si>
  <si>
    <t>有</t>
  </si>
  <si>
    <t>刑事訴訟法第253條之1緩起訴處分</t>
  </si>
  <si>
    <t>1.臺灣桃園地方法院檢察署檢察官106年度偵字第0000號不起訴處分書。
2.案由：妨害名譽等案
3.被告偵結，不起訴處分。</t>
    <phoneticPr fontId="3" type="noConversion"/>
  </si>
  <si>
    <t>臺北市立00醫院</t>
    <phoneticPr fontId="3" type="noConversion"/>
  </si>
  <si>
    <t>內政部00署</t>
    <phoneticPr fontId="3" type="noConversion"/>
  </si>
  <si>
    <t>1.臺灣臺中地方法院檢察署檢察官106年度偵字第0000號緩起訴處分書。
2.案由：業務過失致死等案
3.被告偵結，緩起訴處分於106年9月1日確定，業依偵查終結結果及相關規定命繳回涉訟輔助金額80,000元，並已繳庫。</t>
    <phoneticPr fontId="3" type="noConversion"/>
  </si>
  <si>
    <t>俟偵審或懲戒議決確定後，再重行審查</t>
    <phoneticPr fontId="3" type="noConversion"/>
  </si>
  <si>
    <t>俟偵審或懲戒議決確定後，再重行審查</t>
    <phoneticPr fontId="3" type="noConversion"/>
  </si>
  <si>
    <t>全案偵審終結後，當事人始提出申請，經機關審認為依法執行職務涉訟</t>
    <phoneticPr fontId="3" type="noConversion"/>
  </si>
  <si>
    <t>其他不起訴、裁判或懲戒議決確定後，經機關認無故意或重大過失(非機關審查小組重行審查)</t>
    <phoneticPr fontId="3" type="noConversion"/>
  </si>
  <si>
    <t>內政部</t>
    <phoneticPr fontId="3" type="noConversion"/>
  </si>
  <si>
    <t>無職系-約聘僱人員</t>
  </si>
  <si>
    <t>檢查員</t>
    <phoneticPr fontId="3" type="noConversion"/>
  </si>
  <si>
    <t>無職系-法官、檢察官</t>
    <phoneticPr fontId="3" type="noConversion"/>
  </si>
  <si>
    <t>無相當官等</t>
  </si>
  <si>
    <t>無相當官等</t>
    <phoneticPr fontId="3" type="noConversion"/>
  </si>
  <si>
    <t>M22445</t>
    <phoneticPr fontId="3" type="noConversion"/>
  </si>
  <si>
    <t>K13345</t>
    <phoneticPr fontId="3" type="noConversion"/>
  </si>
  <si>
    <t>發給輔助
費用機關
(全銜)</t>
    <phoneticPr fontId="3" type="noConversion"/>
  </si>
  <si>
    <t>涉訟之起訴書、不起訴書或判決書字號、案由及主文
[例如:臺灣臺北地方法院O年O月O日O字第O號判決、案由（例如：貪污治罪條例）主文：OOO犯OOO罪，處有期徒刑0年0月，如易科罰金，以新臺幣0元折算0日。]</t>
    <phoneticPr fontId="3" type="noConversion"/>
  </si>
  <si>
    <t xml:space="preserve">   項目
編號</t>
    <phoneticPr fontId="3" type="noConversion"/>
  </si>
  <si>
    <t>分隊長</t>
    <phoneticPr fontId="3" type="noConversion"/>
  </si>
  <si>
    <t>H16789</t>
    <phoneticPr fontId="3" type="noConversion"/>
  </si>
  <si>
    <t>1.臺灣士林地方法院檢察署檢察官106年度偵字第0000號不起訴處分書。
2.案由：洩密等案
3.被告偵結，不起訴處分。</t>
    <phoneticPr fontId="3" type="noConversion"/>
  </si>
  <si>
    <t>範例6</t>
  </si>
  <si>
    <t>1.臺灣臺北地方法院檢察署106年
00月00日106年度醫他字000號通
知書。
2.案由：業務過失傷害(醫療糾紛)。
3.主文(判決結果)：本案尚在審理
中。
4.本案當事人與範例3屬同案，共輔助2人，輔助金額計100,000元。</t>
    <phoneticPr fontId="3" type="noConversion"/>
  </si>
  <si>
    <t>聯絡電話：</t>
    <phoneticPr fontId="3" type="noConversion"/>
  </si>
  <si>
    <t>電子郵件：</t>
    <phoneticPr fontId="3" type="noConversion"/>
  </si>
  <si>
    <t>填表人(職稱姓名)：</t>
    <phoneticPr fontId="3" type="noConversion"/>
  </si>
  <si>
    <t>(相當)職等</t>
    <phoneticPr fontId="3" type="noConversion"/>
  </si>
  <si>
    <t>(相當)第十四職等</t>
    <phoneticPr fontId="3" type="noConversion"/>
  </si>
  <si>
    <t>(相當)
官等</t>
    <phoneticPr fontId="3" type="noConversion"/>
  </si>
  <si>
    <t>(相當)簡任(派)、警監、師(一)級</t>
  </si>
  <si>
    <t>(相當)簡任(派)、警監、師(一)級</t>
    <phoneticPr fontId="3" type="noConversion"/>
  </si>
  <si>
    <t>(相當)薦任(派)、警正、師(二)、(三)級</t>
  </si>
  <si>
    <t>(相當)薦任(派)、警正、師(二)、(三)級</t>
    <phoneticPr fontId="3" type="noConversion"/>
  </si>
  <si>
    <t>(相當)委任(派)、警佐、士(生)級、雇員</t>
  </si>
  <si>
    <t>(相當)委任(派)、警佐、士(生)級、雇員</t>
    <phoneticPr fontId="3" type="noConversion"/>
  </si>
  <si>
    <t>無職系-依法令從事公務之人員</t>
  </si>
  <si>
    <t>臺中市政府</t>
    <phoneticPr fontId="3" type="noConversion"/>
  </si>
  <si>
    <t>臺中市政府00局</t>
    <phoneticPr fontId="3" type="noConversion"/>
  </si>
  <si>
    <t>工友</t>
    <phoneticPr fontId="3" type="noConversion"/>
  </si>
  <si>
    <r>
      <t xml:space="preserve">身分證字號
</t>
    </r>
    <r>
      <rPr>
        <sz val="12"/>
        <color theme="1"/>
        <rFont val="標楷體"/>
        <family val="4"/>
        <charset val="136"/>
      </rPr>
      <t>(請輸入前6碼，後4碼自動隱蔽)</t>
    </r>
    <phoneticPr fontId="3" type="noConversion"/>
  </si>
  <si>
    <r>
      <t xml:space="preserve">涉訟類別
</t>
    </r>
    <r>
      <rPr>
        <sz val="12"/>
        <color theme="1"/>
        <rFont val="標楷體"/>
        <family val="4"/>
        <charset val="136"/>
      </rPr>
      <t>(民/刑事訴訟)</t>
    </r>
    <phoneticPr fontId="3" type="noConversion"/>
  </si>
  <si>
    <r>
      <t xml:space="preserve">身分
</t>
    </r>
    <r>
      <rPr>
        <sz val="12"/>
        <color theme="1"/>
        <rFont val="標楷體"/>
        <family val="4"/>
        <charset val="136"/>
      </rPr>
      <t>(民事訴訟為原告、被告或參加人；刑事訴訟偵查程序或審判程序為自訴人、告訴人、犯罪嫌疑人或被告)</t>
    </r>
    <phoneticPr fontId="3" type="noConversion"/>
  </si>
  <si>
    <r>
      <t xml:space="preserve">同意(或不同意)輔助日期
</t>
    </r>
    <r>
      <rPr>
        <sz val="12"/>
        <color theme="1"/>
        <rFont val="標楷體"/>
        <family val="4"/>
        <charset val="136"/>
      </rPr>
      <t>(如機關審查小組決議日期或簽奉核定同意輔助日期，並請填入7碼半形數字，如1060701)</t>
    </r>
    <phoneticPr fontId="3" type="noConversion"/>
  </si>
  <si>
    <r>
      <t xml:space="preserve">同意輔助金額
</t>
    </r>
    <r>
      <rPr>
        <sz val="12"/>
        <color theme="1"/>
        <rFont val="標楷體"/>
        <family val="4"/>
        <charset val="136"/>
      </rPr>
      <t>（新臺幣）</t>
    </r>
    <phoneticPr fontId="3" type="noConversion"/>
  </si>
  <si>
    <r>
      <t xml:space="preserve">追繳金額
</t>
    </r>
    <r>
      <rPr>
        <sz val="12"/>
        <color theme="1"/>
        <rFont val="標楷體"/>
        <family val="4"/>
        <charset val="136"/>
      </rPr>
      <t>（新臺幣）</t>
    </r>
    <phoneticPr fontId="3" type="noConversion"/>
  </si>
  <si>
    <r>
      <t>填寫說明:
一、本表灰底欄位設計為下拉式選單，請勿隨意更動格式(如刪除列、複製貼上及修改儲存格格式等)，如有其他未盡事項，請於備註欄詳予載明。
二、每一編號代表每一人申請案，如多人涉同案，仍請逐欄填列，並於備註欄敘明。同意之申請案(含依職權輔助之案件)僅須填寫輔助金額，不同意之申請案，須填具不同意理由(代碼)。
三、「輔助對象欄」及「不同意理由欄」均請填寫代碼，惟填具代碼3-8者，請填寫具體理由。
四、資料統計日期為106年1月1日起至106年12月31日止。</t>
    </r>
    <r>
      <rPr>
        <b/>
        <u/>
        <sz val="14"/>
        <color theme="1"/>
        <rFont val="標楷體"/>
        <family val="4"/>
        <charset val="136"/>
      </rPr>
      <t xml:space="preserve">另依新修正發布之公務人員因公涉訟輔助辦法第21條規定：「中央二級以上機關、省政府、省諮議會、直轄市政府、直轄市議會、縣(市)政府及縣(市)議會應於每年一月及七月底前，彙整各該機關及所屬機關(構、學校)受理之涉訟輔助案件及其處理情形，併送公務人員保障暨培訓委員
</t>
    </r>
    <r>
      <rPr>
        <b/>
        <sz val="14"/>
        <color theme="1"/>
        <rFont val="標楷體"/>
        <family val="4"/>
        <charset val="136"/>
      </rPr>
      <t>　　</t>
    </r>
    <r>
      <rPr>
        <b/>
        <u/>
        <sz val="14"/>
        <color theme="1"/>
        <rFont val="標楷體"/>
        <family val="4"/>
        <charset val="136"/>
      </rPr>
      <t>會。」爰請中央及地方各主管機關依上開規定於每年一月及七月底前，以上開統計表格式查填本機關及所屬機關(構、學校)之涉訟輔助辦理情形，並依限逕復本會彙辦。</t>
    </r>
    <r>
      <rPr>
        <sz val="14"/>
        <color theme="1"/>
        <rFont val="標楷體"/>
        <family val="4"/>
        <charset val="136"/>
      </rPr>
      <t xml:space="preserve">
五、代碼表如下：
</t>
    </r>
    <phoneticPr fontId="3" type="noConversion"/>
  </si>
  <si>
    <t>公務人員保障法第3條第1項所定，公立學校依公務人員任用法律任用之有給專任人員。</t>
    <phoneticPr fontId="3" type="noConversion"/>
  </si>
  <si>
    <t>公務人員保障法第102條第5款所定，應各種公務人員考試錄取參加訓練之人員，或訓練期滿成績及格未獲分發任用之人員。</t>
    <phoneticPr fontId="3" type="noConversion"/>
  </si>
  <si>
    <t>公務人員因公涉訟輔助辦法第19條第1款所定，政務人員。</t>
    <phoneticPr fontId="3" type="noConversion"/>
  </si>
  <si>
    <t>公務人員因公涉訟輔助辦法第19條第2款所定，民選公職人員。</t>
    <phoneticPr fontId="3" type="noConversion"/>
  </si>
  <si>
    <t>公務人員因公涉訟輔助辦法第19條第3款所定，其他於各級政府機關、公立學校、公營事業機構依法令從事於公務之人員。</t>
    <phoneticPr fontId="3" type="noConversion"/>
  </si>
  <si>
    <t>原公務人員因公涉訟輔助辦法第21條第3款所定，依教育人員任用條例任用非屬該辦法第2條規定之教育人員(即公立學校職員以外，依該條例任用之人員)。</t>
    <phoneticPr fontId="3" type="noConversion"/>
  </si>
  <si>
    <t>原公務人員因公涉訟輔助辦法第21條第4款所定，於各級政府機關、公立學校、公營事業機構依法令從事於公務之軍職人員。</t>
    <phoneticPr fontId="3" type="noConversion"/>
  </si>
  <si>
    <t>其他(請於備註欄填寫具體理由)。</t>
    <phoneticPr fontId="3" type="noConversion"/>
  </si>
  <si>
    <t>桃園市政府00局</t>
    <phoneticPr fontId="3" type="noConversion"/>
  </si>
  <si>
    <t>1.臺灣桃園地方法院106年度00字第00號
2.案由：損害賠償民事案件
3..主文(判決結果)：本案尚在審理
中。</t>
    <phoneticPr fontId="3" type="noConversion"/>
  </si>
  <si>
    <t>106年○○○(機關全銜)受理公務人員因公涉訟輔助案件及處理情形統計表</t>
    <phoneticPr fontId="3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@&quot;****&quot;"/>
  </numFmts>
  <fonts count="24">
    <font>
      <sz val="12"/>
      <color theme="1"/>
      <name val="新細明體"/>
      <family val="2"/>
      <charset val="136"/>
      <scheme val="minor"/>
    </font>
    <font>
      <sz val="12"/>
      <color rgb="FFFF0000"/>
      <name val="新細明體"/>
      <family val="2"/>
      <charset val="136"/>
      <scheme val="minor"/>
    </font>
    <font>
      <sz val="12"/>
      <color theme="1"/>
      <name val="標楷體"/>
      <family val="4"/>
      <charset val="136"/>
    </font>
    <font>
      <sz val="9"/>
      <name val="新細明體"/>
      <family val="2"/>
      <charset val="136"/>
      <scheme val="minor"/>
    </font>
    <font>
      <sz val="12"/>
      <color rgb="FFFF0000"/>
      <name val="標楷體"/>
      <family val="4"/>
      <charset val="136"/>
    </font>
    <font>
      <sz val="9"/>
      <name val="細明體"/>
      <family val="3"/>
      <charset val="136"/>
    </font>
    <font>
      <sz val="12"/>
      <name val="新細明體"/>
      <family val="1"/>
      <charset val="136"/>
    </font>
    <font>
      <sz val="10"/>
      <name val="標楷體"/>
      <family val="4"/>
      <charset val="136"/>
    </font>
    <font>
      <sz val="11"/>
      <name val="標楷體"/>
      <family val="4"/>
      <charset val="136"/>
    </font>
    <font>
      <sz val="10"/>
      <color rgb="FFC00000"/>
      <name val="標楷體"/>
      <family val="4"/>
      <charset val="136"/>
    </font>
    <font>
      <sz val="10"/>
      <color rgb="FFFF0000"/>
      <name val="標楷體"/>
      <family val="4"/>
      <charset val="136"/>
    </font>
    <font>
      <sz val="11"/>
      <color rgb="FFFF0000"/>
      <name val="標楷體"/>
      <family val="4"/>
      <charset val="136"/>
    </font>
    <font>
      <sz val="16"/>
      <color theme="1"/>
      <name val="標楷體"/>
      <family val="4"/>
      <charset val="136"/>
    </font>
    <font>
      <sz val="9"/>
      <color theme="1"/>
      <name val="標楷體"/>
      <family val="4"/>
      <charset val="136"/>
    </font>
    <font>
      <sz val="10"/>
      <color rgb="FF4D4D4D"/>
      <name val="細明體"/>
      <family val="3"/>
      <charset val="136"/>
    </font>
    <font>
      <sz val="12"/>
      <color theme="1"/>
      <name val="新細明體"/>
      <family val="1"/>
      <charset val="136"/>
      <scheme val="minor"/>
    </font>
    <font>
      <sz val="16"/>
      <color theme="1"/>
      <name val="新細明體"/>
      <family val="2"/>
      <charset val="136"/>
      <scheme val="minor"/>
    </font>
    <font>
      <sz val="16"/>
      <color theme="1"/>
      <name val="新細明體"/>
      <family val="1"/>
      <charset val="136"/>
      <scheme val="minor"/>
    </font>
    <font>
      <sz val="14"/>
      <color theme="1"/>
      <name val="標楷體"/>
      <family val="4"/>
      <charset val="136"/>
    </font>
    <font>
      <sz val="14"/>
      <color theme="1"/>
      <name val="新細明體"/>
      <family val="2"/>
      <charset val="136"/>
      <scheme val="minor"/>
    </font>
    <font>
      <sz val="16"/>
      <color rgb="FFFF0000"/>
      <name val="標楷體"/>
      <family val="4"/>
      <charset val="136"/>
    </font>
    <font>
      <b/>
      <sz val="14"/>
      <color theme="1"/>
      <name val="標楷體"/>
      <family val="4"/>
      <charset val="136"/>
    </font>
    <font>
      <b/>
      <u/>
      <sz val="14"/>
      <color theme="1"/>
      <name val="標楷體"/>
      <family val="4"/>
      <charset val="136"/>
    </font>
    <font>
      <sz val="24"/>
      <color theme="1"/>
      <name val="標楷體"/>
      <family val="4"/>
      <charset val="136"/>
    </font>
  </fonts>
  <fills count="7">
    <fill>
      <patternFill patternType="none"/>
    </fill>
    <fill>
      <patternFill patternType="gray125"/>
    </fill>
    <fill>
      <patternFill patternType="solid">
        <fgColor indexed="65"/>
        <bgColor indexed="10"/>
      </patternFill>
    </fill>
    <fill>
      <patternFill patternType="solid">
        <fgColor rgb="FFFFFF00"/>
        <bgColor indexed="10"/>
      </patternFill>
    </fill>
    <fill>
      <patternFill patternType="solid">
        <fgColor rgb="FF92D050"/>
        <bgColor indexed="10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1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6" fillId="0" borderId="0">
      <alignment vertical="center"/>
    </xf>
    <xf numFmtId="0" fontId="6" fillId="0" borderId="0"/>
    <xf numFmtId="0" fontId="6" fillId="0" borderId="0"/>
    <xf numFmtId="0" fontId="6" fillId="0" borderId="0"/>
  </cellStyleXfs>
  <cellXfs count="101">
    <xf numFmtId="0" fontId="0" fillId="0" borderId="0" xfId="0">
      <alignment vertical="center"/>
    </xf>
    <xf numFmtId="0" fontId="1" fillId="0" borderId="0" xfId="0" applyFont="1">
      <alignment vertical="center"/>
    </xf>
    <xf numFmtId="0" fontId="8" fillId="0" borderId="0" xfId="0" applyFont="1" applyBorder="1" applyAlignment="1">
      <alignment vertical="center"/>
    </xf>
    <xf numFmtId="0" fontId="4" fillId="0" borderId="3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21" xfId="0" applyFont="1" applyBorder="1" applyAlignment="1">
      <alignment vertical="center" wrapText="1"/>
    </xf>
    <xf numFmtId="0" fontId="4" fillId="0" borderId="22" xfId="0" applyFont="1" applyBorder="1" applyAlignment="1">
      <alignment vertical="center" wrapText="1"/>
    </xf>
    <xf numFmtId="0" fontId="2" fillId="0" borderId="22" xfId="0" applyFont="1" applyBorder="1" applyAlignment="1">
      <alignment vertical="center" wrapText="1"/>
    </xf>
    <xf numFmtId="0" fontId="2" fillId="0" borderId="22" xfId="0" applyFont="1" applyBorder="1" applyAlignment="1">
      <alignment horizontal="justify" vertical="center" wrapText="1"/>
    </xf>
    <xf numFmtId="0" fontId="4" fillId="0" borderId="22" xfId="0" applyFont="1" applyBorder="1" applyAlignment="1">
      <alignment horizontal="justify" vertical="center" wrapText="1"/>
    </xf>
    <xf numFmtId="0" fontId="2" fillId="0" borderId="23" xfId="0" applyFont="1" applyBorder="1" applyAlignment="1">
      <alignment vertical="center" wrapText="1"/>
    </xf>
    <xf numFmtId="49" fontId="4" fillId="0" borderId="3" xfId="0" applyNumberFormat="1" applyFont="1" applyBorder="1" applyAlignment="1">
      <alignment horizontal="center" vertical="center" wrapText="1"/>
    </xf>
    <xf numFmtId="0" fontId="4" fillId="0" borderId="3" xfId="0" applyFont="1" applyBorder="1" applyAlignment="1">
      <alignment horizontal="justify" vertical="center" wrapText="1"/>
    </xf>
    <xf numFmtId="0" fontId="10" fillId="2" borderId="3" xfId="0" applyNumberFormat="1" applyFont="1" applyFill="1" applyBorder="1" applyAlignment="1">
      <alignment horizontal="left" vertical="center" wrapText="1"/>
    </xf>
    <xf numFmtId="0" fontId="4" fillId="0" borderId="3" xfId="0" applyFont="1" applyBorder="1" applyAlignment="1">
      <alignment vertical="center" wrapText="1"/>
    </xf>
    <xf numFmtId="0" fontId="11" fillId="0" borderId="3" xfId="0" applyFont="1" applyBorder="1" applyAlignment="1">
      <alignment vertical="center" wrapText="1"/>
    </xf>
    <xf numFmtId="49" fontId="10" fillId="0" borderId="3" xfId="3" applyNumberFormat="1" applyFont="1" applyBorder="1" applyAlignment="1">
      <alignment vertical="center" wrapText="1"/>
    </xf>
    <xf numFmtId="0" fontId="11" fillId="0" borderId="3" xfId="4" applyFont="1" applyBorder="1" applyAlignment="1">
      <alignment vertical="center" wrapText="1"/>
    </xf>
    <xf numFmtId="49" fontId="11" fillId="0" borderId="3" xfId="2" applyNumberFormat="1" applyFont="1" applyBorder="1" applyAlignment="1">
      <alignment vertical="center" wrapText="1"/>
    </xf>
    <xf numFmtId="49" fontId="10" fillId="0" borderId="3" xfId="2" applyNumberFormat="1" applyFont="1" applyBorder="1" applyAlignment="1">
      <alignment vertical="center" wrapText="1"/>
    </xf>
    <xf numFmtId="0" fontId="8" fillId="0" borderId="3" xfId="0" applyFont="1" applyBorder="1" applyAlignment="1">
      <alignment vertical="center" wrapText="1"/>
    </xf>
    <xf numFmtId="0" fontId="0" fillId="0" borderId="0" xfId="0" applyAlignment="1">
      <alignment vertical="center" wrapText="1"/>
    </xf>
    <xf numFmtId="0" fontId="1" fillId="0" borderId="0" xfId="0" applyFont="1" applyAlignment="1">
      <alignment vertical="center" wrapText="1"/>
    </xf>
    <xf numFmtId="0" fontId="8" fillId="0" borderId="0" xfId="0" applyFont="1" applyBorder="1" applyAlignment="1">
      <alignment vertical="center" wrapText="1"/>
    </xf>
    <xf numFmtId="0" fontId="9" fillId="2" borderId="3" xfId="0" applyNumberFormat="1" applyFont="1" applyFill="1" applyBorder="1" applyAlignment="1">
      <alignment horizontal="left" vertical="center" wrapText="1"/>
    </xf>
    <xf numFmtId="0" fontId="2" fillId="0" borderId="3" xfId="0" applyFont="1" applyBorder="1" applyAlignment="1">
      <alignment vertical="center" wrapText="1"/>
    </xf>
    <xf numFmtId="0" fontId="7" fillId="2" borderId="3" xfId="0" applyNumberFormat="1" applyFont="1" applyFill="1" applyBorder="1" applyAlignment="1">
      <alignment horizontal="left" vertical="center" wrapText="1"/>
    </xf>
    <xf numFmtId="0" fontId="7" fillId="3" borderId="3" xfId="0" applyNumberFormat="1" applyFont="1" applyFill="1" applyBorder="1" applyAlignment="1">
      <alignment horizontal="left" vertical="center" wrapText="1"/>
    </xf>
    <xf numFmtId="0" fontId="7" fillId="4" borderId="3" xfId="0" applyNumberFormat="1" applyFont="1" applyFill="1" applyBorder="1" applyAlignment="1">
      <alignment horizontal="left" vertical="center" wrapText="1"/>
    </xf>
    <xf numFmtId="0" fontId="4" fillId="0" borderId="26" xfId="0" applyFont="1" applyBorder="1">
      <alignment vertical="center"/>
    </xf>
    <xf numFmtId="0" fontId="0" fillId="0" borderId="26" xfId="0" applyBorder="1">
      <alignment vertical="center"/>
    </xf>
    <xf numFmtId="0" fontId="13" fillId="0" borderId="3" xfId="0" applyFont="1" applyBorder="1" applyAlignment="1">
      <alignment horizontal="center" vertical="center" wrapText="1"/>
    </xf>
    <xf numFmtId="0" fontId="13" fillId="6" borderId="3" xfId="0" applyFont="1" applyFill="1" applyBorder="1" applyAlignment="1">
      <alignment horizontal="center" vertical="center" wrapText="1"/>
    </xf>
    <xf numFmtId="0" fontId="13" fillId="0" borderId="3" xfId="0" applyFont="1" applyBorder="1" applyAlignment="1">
      <alignment horizontal="justify" vertical="center" wrapText="1"/>
    </xf>
    <xf numFmtId="0" fontId="13" fillId="6" borderId="3" xfId="0" applyFont="1" applyFill="1" applyBorder="1" applyAlignment="1">
      <alignment horizontal="justify" vertical="center" wrapText="1"/>
    </xf>
    <xf numFmtId="0" fontId="4" fillId="0" borderId="3" xfId="0" applyFont="1" applyBorder="1" applyAlignment="1">
      <alignment horizontal="center" vertical="center" wrapText="1"/>
    </xf>
    <xf numFmtId="0" fontId="14" fillId="0" borderId="0" xfId="0" applyFont="1">
      <alignment vertical="center"/>
    </xf>
    <xf numFmtId="0" fontId="14" fillId="0" borderId="0" xfId="0" applyFont="1" applyAlignment="1">
      <alignment vertical="center" wrapText="1"/>
    </xf>
    <xf numFmtId="0" fontId="15" fillId="5" borderId="3" xfId="0" applyFont="1" applyFill="1" applyBorder="1" applyAlignment="1">
      <alignment vertical="center" wrapText="1"/>
    </xf>
    <xf numFmtId="0" fontId="15" fillId="0" borderId="3" xfId="0" applyFont="1" applyBorder="1" applyAlignment="1">
      <alignment vertical="center" wrapText="1"/>
    </xf>
    <xf numFmtId="176" fontId="15" fillId="0" borderId="3" xfId="0" applyNumberFormat="1" applyFont="1" applyBorder="1" applyAlignment="1">
      <alignment vertical="center" wrapText="1"/>
    </xf>
    <xf numFmtId="0" fontId="15" fillId="5" borderId="7" xfId="0" applyFont="1" applyFill="1" applyBorder="1" applyAlignment="1">
      <alignment vertical="center" wrapText="1"/>
    </xf>
    <xf numFmtId="0" fontId="0" fillId="0" borderId="4" xfId="0" applyFont="1" applyBorder="1">
      <alignment vertical="center"/>
    </xf>
    <xf numFmtId="0" fontId="0" fillId="5" borderId="3" xfId="0" applyFont="1" applyFill="1" applyBorder="1" applyAlignment="1">
      <alignment vertical="center" wrapText="1"/>
    </xf>
    <xf numFmtId="0" fontId="0" fillId="0" borderId="3" xfId="0" applyFont="1" applyBorder="1" applyAlignment="1">
      <alignment vertical="center" wrapText="1"/>
    </xf>
    <xf numFmtId="0" fontId="15" fillId="0" borderId="5" xfId="0" applyFont="1" applyBorder="1">
      <alignment vertical="center"/>
    </xf>
    <xf numFmtId="0" fontId="15" fillId="0" borderId="6" xfId="0" applyFont="1" applyBorder="1">
      <alignment vertical="center"/>
    </xf>
    <xf numFmtId="0" fontId="15" fillId="0" borderId="7" xfId="0" applyFont="1" applyBorder="1" applyAlignment="1">
      <alignment vertical="center" wrapText="1"/>
    </xf>
    <xf numFmtId="176" fontId="15" fillId="0" borderId="7" xfId="0" applyNumberFormat="1" applyFont="1" applyBorder="1" applyAlignment="1">
      <alignment vertical="center" wrapText="1"/>
    </xf>
    <xf numFmtId="0" fontId="15" fillId="0" borderId="8" xfId="0" applyFont="1" applyBorder="1">
      <alignment vertical="center"/>
    </xf>
    <xf numFmtId="0" fontId="12" fillId="0" borderId="21" xfId="0" applyFont="1" applyBorder="1" applyAlignment="1">
      <alignment vertical="center" wrapText="1"/>
    </xf>
    <xf numFmtId="0" fontId="12" fillId="0" borderId="22" xfId="0" applyFont="1" applyBorder="1" applyAlignment="1">
      <alignment horizontal="center" vertical="center" wrapText="1"/>
    </xf>
    <xf numFmtId="0" fontId="12" fillId="0" borderId="22" xfId="0" applyFont="1" applyBorder="1" applyAlignment="1">
      <alignment vertical="center" wrapText="1"/>
    </xf>
    <xf numFmtId="0" fontId="16" fillId="0" borderId="24" xfId="0" applyFont="1" applyBorder="1" applyAlignment="1">
      <alignment horizontal="center" vertical="center"/>
    </xf>
    <xf numFmtId="0" fontId="17" fillId="0" borderId="22" xfId="0" applyFont="1" applyBorder="1" applyAlignment="1">
      <alignment vertical="center" wrapText="1"/>
    </xf>
    <xf numFmtId="0" fontId="17" fillId="5" borderId="22" xfId="0" applyFont="1" applyFill="1" applyBorder="1" applyAlignment="1">
      <alignment vertical="center" wrapText="1"/>
    </xf>
    <xf numFmtId="0" fontId="16" fillId="0" borderId="25" xfId="0" applyFont="1" applyBorder="1">
      <alignment vertical="center"/>
    </xf>
    <xf numFmtId="0" fontId="16" fillId="0" borderId="4" xfId="0" applyFont="1" applyBorder="1" applyAlignment="1">
      <alignment horizontal="center" vertical="center"/>
    </xf>
    <xf numFmtId="0" fontId="17" fillId="5" borderId="3" xfId="0" applyFont="1" applyFill="1" applyBorder="1" applyAlignment="1">
      <alignment vertical="center" wrapText="1"/>
    </xf>
    <xf numFmtId="0" fontId="17" fillId="0" borderId="3" xfId="0" applyFont="1" applyBorder="1" applyAlignment="1">
      <alignment vertical="center" wrapText="1"/>
    </xf>
    <xf numFmtId="176" fontId="17" fillId="0" borderId="3" xfId="0" applyNumberFormat="1" applyFont="1" applyBorder="1" applyAlignment="1">
      <alignment vertical="center" wrapText="1"/>
    </xf>
    <xf numFmtId="0" fontId="16" fillId="0" borderId="5" xfId="0" applyFont="1" applyBorder="1">
      <alignment vertical="center"/>
    </xf>
    <xf numFmtId="0" fontId="18" fillId="0" borderId="20" xfId="0" applyFont="1" applyBorder="1">
      <alignment vertical="center"/>
    </xf>
    <xf numFmtId="0" fontId="19" fillId="0" borderId="20" xfId="0" applyFont="1" applyBorder="1">
      <alignment vertical="center"/>
    </xf>
    <xf numFmtId="0" fontId="18" fillId="0" borderId="14" xfId="0" applyFont="1" applyBorder="1">
      <alignment vertical="center"/>
    </xf>
    <xf numFmtId="49" fontId="18" fillId="0" borderId="1" xfId="0" applyNumberFormat="1" applyFont="1" applyBorder="1" applyAlignment="1">
      <alignment horizontal="center" vertical="center"/>
    </xf>
    <xf numFmtId="0" fontId="18" fillId="0" borderId="15" xfId="0" applyFont="1" applyBorder="1">
      <alignment vertical="center"/>
    </xf>
    <xf numFmtId="0" fontId="18" fillId="0" borderId="13" xfId="0" applyFont="1" applyBorder="1">
      <alignment vertical="center"/>
    </xf>
    <xf numFmtId="0" fontId="18" fillId="0" borderId="17" xfId="0" applyFont="1" applyBorder="1">
      <alignment vertical="center"/>
    </xf>
    <xf numFmtId="0" fontId="18" fillId="0" borderId="0" xfId="0" applyFont="1" applyBorder="1">
      <alignment vertical="center"/>
    </xf>
    <xf numFmtId="0" fontId="19" fillId="0" borderId="0" xfId="0" applyFont="1" applyBorder="1">
      <alignment vertical="center"/>
    </xf>
    <xf numFmtId="0" fontId="18" fillId="0" borderId="13" xfId="0" applyFont="1" applyBorder="1" applyAlignment="1">
      <alignment horizontal="center" vertical="center"/>
    </xf>
    <xf numFmtId="0" fontId="18" fillId="0" borderId="2" xfId="0" applyFont="1" applyBorder="1" applyAlignment="1">
      <alignment horizontal="center" vertical="center"/>
    </xf>
    <xf numFmtId="0" fontId="18" fillId="0" borderId="14" xfId="0" applyFont="1" applyBorder="1" applyAlignment="1">
      <alignment horizontal="center" vertical="center"/>
    </xf>
    <xf numFmtId="0" fontId="18" fillId="0" borderId="2" xfId="0" applyFont="1" applyBorder="1">
      <alignment vertical="center"/>
    </xf>
    <xf numFmtId="0" fontId="18" fillId="0" borderId="19" xfId="0" applyFont="1" applyBorder="1">
      <alignment vertical="center"/>
    </xf>
    <xf numFmtId="0" fontId="18" fillId="0" borderId="9" xfId="0" applyFont="1" applyBorder="1">
      <alignment vertical="center"/>
    </xf>
    <xf numFmtId="0" fontId="19" fillId="0" borderId="9" xfId="0" applyFont="1" applyBorder="1">
      <alignment vertical="center"/>
    </xf>
    <xf numFmtId="0" fontId="16" fillId="0" borderId="27" xfId="0" applyFont="1" applyBorder="1">
      <alignment vertical="center"/>
    </xf>
    <xf numFmtId="0" fontId="16" fillId="5" borderId="22" xfId="0" applyFont="1" applyFill="1" applyBorder="1" applyAlignment="1">
      <alignment vertical="center" wrapText="1"/>
    </xf>
    <xf numFmtId="176" fontId="17" fillId="0" borderId="22" xfId="0" applyNumberFormat="1" applyFont="1" applyBorder="1" applyAlignment="1">
      <alignment vertical="center" wrapText="1"/>
    </xf>
    <xf numFmtId="0" fontId="16" fillId="5" borderId="3" xfId="0" applyFont="1" applyFill="1" applyBorder="1" applyAlignment="1">
      <alignment vertical="center" wrapText="1"/>
    </xf>
    <xf numFmtId="0" fontId="4" fillId="0" borderId="28" xfId="0" applyFont="1" applyBorder="1" applyAlignment="1">
      <alignment vertical="center" wrapText="1"/>
    </xf>
    <xf numFmtId="0" fontId="4" fillId="0" borderId="26" xfId="0" applyFont="1" applyBorder="1" applyAlignment="1">
      <alignment vertical="center" wrapText="1"/>
    </xf>
    <xf numFmtId="0" fontId="4" fillId="0" borderId="29" xfId="0" applyFont="1" applyBorder="1" applyAlignment="1">
      <alignment vertical="center" wrapText="1"/>
    </xf>
    <xf numFmtId="49" fontId="18" fillId="0" borderId="3" xfId="0" applyNumberFormat="1" applyFont="1" applyBorder="1" applyAlignment="1">
      <alignment horizontal="center" vertical="center"/>
    </xf>
    <xf numFmtId="0" fontId="2" fillId="0" borderId="0" xfId="0" applyFont="1">
      <alignment vertical="center"/>
    </xf>
    <xf numFmtId="0" fontId="12" fillId="0" borderId="0" xfId="0" applyFont="1">
      <alignment vertical="center"/>
    </xf>
    <xf numFmtId="49" fontId="20" fillId="0" borderId="0" xfId="0" applyNumberFormat="1" applyFont="1">
      <alignment vertical="center"/>
    </xf>
    <xf numFmtId="0" fontId="12" fillId="0" borderId="22" xfId="0" applyFont="1" applyBorder="1" applyAlignment="1">
      <alignment horizontal="justify" vertical="center" wrapText="1"/>
    </xf>
    <xf numFmtId="0" fontId="12" fillId="0" borderId="23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0" fillId="0" borderId="16" xfId="0" applyFont="1" applyBorder="1">
      <alignment vertical="center"/>
    </xf>
    <xf numFmtId="0" fontId="0" fillId="0" borderId="18" xfId="0" applyFont="1" applyBorder="1">
      <alignment vertical="center"/>
    </xf>
    <xf numFmtId="0" fontId="0" fillId="0" borderId="11" xfId="0" applyFont="1" applyBorder="1">
      <alignment vertical="center"/>
    </xf>
    <xf numFmtId="11" fontId="18" fillId="0" borderId="12" xfId="0" applyNumberFormat="1" applyFont="1" applyBorder="1" applyAlignment="1">
      <alignment horizontal="center" vertical="top" wrapText="1"/>
    </xf>
    <xf numFmtId="11" fontId="19" fillId="0" borderId="10" xfId="0" applyNumberFormat="1" applyFont="1" applyBorder="1" applyAlignment="1">
      <alignment horizontal="center" vertical="center"/>
    </xf>
    <xf numFmtId="0" fontId="18" fillId="0" borderId="30" xfId="0" applyFont="1" applyBorder="1" applyAlignment="1">
      <alignment horizontal="left" vertical="top" wrapText="1"/>
    </xf>
    <xf numFmtId="0" fontId="18" fillId="0" borderId="30" xfId="0" applyFont="1" applyBorder="1" applyAlignment="1">
      <alignment horizontal="left" vertical="top"/>
    </xf>
    <xf numFmtId="0" fontId="0" fillId="0" borderId="30" xfId="0" applyFont="1" applyBorder="1" applyAlignment="1">
      <alignment vertical="center"/>
    </xf>
    <xf numFmtId="0" fontId="23" fillId="0" borderId="0" xfId="0" applyFont="1" applyBorder="1" applyAlignment="1">
      <alignment horizontal="center" vertical="center"/>
    </xf>
  </cellXfs>
  <cellStyles count="5">
    <cellStyle name="一般" xfId="0" builtinId="0"/>
    <cellStyle name="一般 2" xfId="1"/>
    <cellStyle name="一般_1020" xfId="2"/>
    <cellStyle name="一般_1150" xfId="3"/>
    <cellStyle name="一般_1230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2</xdr:row>
      <xdr:rowOff>9525</xdr:rowOff>
    </xdr:to>
    <xdr:cxnSp macro="">
      <xdr:nvCxnSpPr>
        <xdr:cNvPr id="2" name="直線接點 1"/>
        <xdr:cNvCxnSpPr/>
      </xdr:nvCxnSpPr>
      <xdr:spPr>
        <a:xfrm>
          <a:off x="0" y="444954"/>
          <a:ext cx="898071" cy="228600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57225</xdr:colOff>
      <xdr:row>1</xdr:row>
      <xdr:rowOff>9525</xdr:rowOff>
    </xdr:from>
    <xdr:to>
      <xdr:col>2</xdr:col>
      <xdr:colOff>28575</xdr:colOff>
      <xdr:row>2</xdr:row>
      <xdr:rowOff>0</xdr:rowOff>
    </xdr:to>
    <xdr:cxnSp macro="">
      <xdr:nvCxnSpPr>
        <xdr:cNvPr id="2" name="直線接點 1"/>
        <xdr:cNvCxnSpPr/>
      </xdr:nvCxnSpPr>
      <xdr:spPr>
        <a:xfrm>
          <a:off x="657225" y="228600"/>
          <a:ext cx="742950" cy="6286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  <xdr:twoCellAnchor>
    <xdr:from>
      <xdr:col>0</xdr:col>
      <xdr:colOff>657225</xdr:colOff>
      <xdr:row>1</xdr:row>
      <xdr:rowOff>9525</xdr:rowOff>
    </xdr:from>
    <xdr:to>
      <xdr:col>2</xdr:col>
      <xdr:colOff>28575</xdr:colOff>
      <xdr:row>2</xdr:row>
      <xdr:rowOff>0</xdr:rowOff>
    </xdr:to>
    <xdr:cxnSp macro="">
      <xdr:nvCxnSpPr>
        <xdr:cNvPr id="3" name="直線接點 2"/>
        <xdr:cNvCxnSpPr/>
      </xdr:nvCxnSpPr>
      <xdr:spPr>
        <a:xfrm>
          <a:off x="657225" y="228600"/>
          <a:ext cx="742950" cy="628650"/>
        </a:xfrm>
        <a:prstGeom prst="line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3"/>
  <sheetViews>
    <sheetView tabSelected="1" zoomScale="70" zoomScaleNormal="70" workbookViewId="0">
      <selection sqref="A1:Z1"/>
    </sheetView>
  </sheetViews>
  <sheetFormatPr defaultRowHeight="16.5"/>
  <cols>
    <col min="1" max="1" width="11.75" customWidth="1"/>
    <col min="2" max="2" width="17.5" style="1" customWidth="1"/>
    <col min="3" max="5" width="13.375" style="1" customWidth="1"/>
    <col min="6" max="6" width="6" customWidth="1"/>
    <col min="7" max="7" width="13.25" customWidth="1"/>
    <col min="8" max="8" width="13.875" style="1" customWidth="1"/>
    <col min="9" max="9" width="11.125" style="1" customWidth="1"/>
    <col min="10" max="10" width="7.25" style="1" customWidth="1"/>
    <col min="11" max="11" width="10.875" style="1" customWidth="1"/>
    <col min="12" max="12" width="8.625" customWidth="1"/>
    <col min="13" max="13" width="8.25" customWidth="1"/>
    <col min="14" max="14" width="15.375" customWidth="1"/>
    <col min="15" max="15" width="11.875" customWidth="1"/>
    <col min="16" max="16" width="10.75" customWidth="1"/>
    <col min="17" max="17" width="17" customWidth="1"/>
    <col min="18" max="18" width="7.875" customWidth="1"/>
    <col min="19" max="19" width="19.875" customWidth="1"/>
    <col min="20" max="20" width="14.125" customWidth="1"/>
    <col min="21" max="21" width="9.75" customWidth="1"/>
    <col min="22" max="22" width="6.875" customWidth="1"/>
    <col min="23" max="23" width="27.5" customWidth="1"/>
    <col min="24" max="24" width="18.5" customWidth="1"/>
    <col min="25" max="25" width="12.625" customWidth="1"/>
    <col min="26" max="26" width="48.125" customWidth="1"/>
    <col min="27" max="27" width="59.75" customWidth="1"/>
  </cols>
  <sheetData>
    <row r="1" spans="1:27" ht="63.75" customHeight="1" thickBot="1">
      <c r="A1" s="100" t="s">
        <v>48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100"/>
      <c r="U1" s="100"/>
      <c r="V1" s="100"/>
      <c r="W1" s="100"/>
      <c r="X1" s="100"/>
      <c r="Y1" s="100"/>
      <c r="Z1" s="100"/>
    </row>
    <row r="2" spans="1:27" ht="159.75" customHeight="1" thickBot="1">
      <c r="A2" s="50" t="s">
        <v>441</v>
      </c>
      <c r="B2" s="51" t="s">
        <v>380</v>
      </c>
      <c r="C2" s="51" t="s">
        <v>394</v>
      </c>
      <c r="D2" s="51" t="s">
        <v>400</v>
      </c>
      <c r="E2" s="51" t="s">
        <v>439</v>
      </c>
      <c r="F2" s="51" t="s">
        <v>9</v>
      </c>
      <c r="G2" s="51" t="s">
        <v>0</v>
      </c>
      <c r="H2" s="51" t="s">
        <v>452</v>
      </c>
      <c r="I2" s="51" t="s">
        <v>450</v>
      </c>
      <c r="J2" s="51" t="s">
        <v>7</v>
      </c>
      <c r="K2" s="89" t="s">
        <v>463</v>
      </c>
      <c r="L2" s="52" t="s">
        <v>1</v>
      </c>
      <c r="M2" s="89" t="s">
        <v>464</v>
      </c>
      <c r="N2" s="51" t="s">
        <v>383</v>
      </c>
      <c r="O2" s="51" t="s">
        <v>384</v>
      </c>
      <c r="P2" s="51" t="s">
        <v>385</v>
      </c>
      <c r="Q2" s="51" t="s">
        <v>465</v>
      </c>
      <c r="R2" s="52" t="s">
        <v>2</v>
      </c>
      <c r="S2" s="51" t="s">
        <v>466</v>
      </c>
      <c r="T2" s="51" t="s">
        <v>467</v>
      </c>
      <c r="U2" s="51" t="s">
        <v>3</v>
      </c>
      <c r="V2" s="52" t="s">
        <v>4</v>
      </c>
      <c r="W2" s="51" t="s">
        <v>410</v>
      </c>
      <c r="X2" s="51" t="s">
        <v>409</v>
      </c>
      <c r="Y2" s="51" t="s">
        <v>468</v>
      </c>
      <c r="Z2" s="51" t="s">
        <v>440</v>
      </c>
      <c r="AA2" s="90" t="s">
        <v>397</v>
      </c>
    </row>
    <row r="3" spans="1:27" ht="111.75" customHeight="1">
      <c r="A3" s="53" t="s">
        <v>201</v>
      </c>
      <c r="B3" s="79" t="s">
        <v>431</v>
      </c>
      <c r="C3" s="54" t="s">
        <v>425</v>
      </c>
      <c r="D3" s="54" t="s">
        <v>425</v>
      </c>
      <c r="E3" s="54" t="s">
        <v>425</v>
      </c>
      <c r="F3" s="79" t="s">
        <v>208</v>
      </c>
      <c r="G3" s="55" t="s">
        <v>401</v>
      </c>
      <c r="H3" s="79" t="s">
        <v>453</v>
      </c>
      <c r="I3" s="79" t="s">
        <v>389</v>
      </c>
      <c r="J3" s="54" t="s">
        <v>403</v>
      </c>
      <c r="K3" s="80" t="s">
        <v>271</v>
      </c>
      <c r="L3" s="55" t="s">
        <v>399</v>
      </c>
      <c r="M3" s="55" t="s">
        <v>382</v>
      </c>
      <c r="N3" s="55" t="s">
        <v>327</v>
      </c>
      <c r="O3" s="55"/>
      <c r="P3" s="55"/>
      <c r="Q3" s="55" t="s">
        <v>390</v>
      </c>
      <c r="R3" s="55" t="s">
        <v>407</v>
      </c>
      <c r="S3" s="54">
        <v>1060201</v>
      </c>
      <c r="T3" s="54">
        <v>80000</v>
      </c>
      <c r="U3" s="55"/>
      <c r="V3" s="55" t="s">
        <v>393</v>
      </c>
      <c r="W3" s="55" t="s">
        <v>430</v>
      </c>
      <c r="X3" s="55"/>
      <c r="Y3" s="54"/>
      <c r="Z3" s="54" t="s">
        <v>423</v>
      </c>
      <c r="AA3" s="56"/>
    </row>
    <row r="4" spans="1:27" ht="111.75" customHeight="1">
      <c r="A4" s="57" t="s">
        <v>269</v>
      </c>
      <c r="B4" s="81" t="s">
        <v>21</v>
      </c>
      <c r="C4" s="59" t="s">
        <v>425</v>
      </c>
      <c r="D4" s="59" t="s">
        <v>425</v>
      </c>
      <c r="E4" s="59" t="s">
        <v>425</v>
      </c>
      <c r="F4" s="81" t="s">
        <v>208</v>
      </c>
      <c r="G4" s="58" t="s">
        <v>396</v>
      </c>
      <c r="H4" s="81" t="s">
        <v>455</v>
      </c>
      <c r="I4" s="81" t="s">
        <v>404</v>
      </c>
      <c r="J4" s="59" t="s">
        <v>442</v>
      </c>
      <c r="K4" s="60" t="s">
        <v>443</v>
      </c>
      <c r="L4" s="58" t="s">
        <v>407</v>
      </c>
      <c r="M4" s="58" t="s">
        <v>382</v>
      </c>
      <c r="N4" s="58" t="s">
        <v>287</v>
      </c>
      <c r="O4" s="58"/>
      <c r="P4" s="58"/>
      <c r="Q4" s="58" t="s">
        <v>390</v>
      </c>
      <c r="R4" s="58" t="s">
        <v>392</v>
      </c>
      <c r="S4" s="59">
        <v>1060228</v>
      </c>
      <c r="T4" s="59">
        <v>80000</v>
      </c>
      <c r="U4" s="58"/>
      <c r="V4" s="58" t="s">
        <v>393</v>
      </c>
      <c r="W4" s="58" t="s">
        <v>411</v>
      </c>
      <c r="X4" s="58"/>
      <c r="Y4" s="59"/>
      <c r="Z4" s="59" t="s">
        <v>444</v>
      </c>
      <c r="AA4" s="78"/>
    </row>
    <row r="5" spans="1:27" ht="138" customHeight="1">
      <c r="A5" s="57" t="s">
        <v>270</v>
      </c>
      <c r="B5" s="58" t="s">
        <v>52</v>
      </c>
      <c r="C5" s="59" t="s">
        <v>424</v>
      </c>
      <c r="D5" s="59" t="s">
        <v>424</v>
      </c>
      <c r="E5" s="59" t="s">
        <v>424</v>
      </c>
      <c r="F5" s="58" t="s">
        <v>208</v>
      </c>
      <c r="G5" s="58" t="s">
        <v>395</v>
      </c>
      <c r="H5" s="58" t="s">
        <v>455</v>
      </c>
      <c r="I5" s="58" t="s">
        <v>404</v>
      </c>
      <c r="J5" s="59" t="s">
        <v>405</v>
      </c>
      <c r="K5" s="60" t="s">
        <v>406</v>
      </c>
      <c r="L5" s="58" t="s">
        <v>407</v>
      </c>
      <c r="M5" s="58" t="s">
        <v>382</v>
      </c>
      <c r="N5" s="58" t="s">
        <v>286</v>
      </c>
      <c r="O5" s="58"/>
      <c r="P5" s="58"/>
      <c r="Q5" s="58" t="s">
        <v>390</v>
      </c>
      <c r="R5" s="58" t="s">
        <v>392</v>
      </c>
      <c r="S5" s="59">
        <v>1060301</v>
      </c>
      <c r="T5" s="59">
        <v>50000</v>
      </c>
      <c r="U5" s="58"/>
      <c r="V5" s="58" t="s">
        <v>393</v>
      </c>
      <c r="W5" s="58" t="s">
        <v>427</v>
      </c>
      <c r="X5" s="58"/>
      <c r="Y5" s="59"/>
      <c r="Z5" s="59" t="s">
        <v>417</v>
      </c>
      <c r="AA5" s="61"/>
    </row>
    <row r="6" spans="1:27" ht="186" customHeight="1">
      <c r="A6" s="57" t="s">
        <v>408</v>
      </c>
      <c r="B6" s="58" t="s">
        <v>52</v>
      </c>
      <c r="C6" s="59" t="s">
        <v>424</v>
      </c>
      <c r="D6" s="59" t="s">
        <v>424</v>
      </c>
      <c r="E6" s="59" t="s">
        <v>424</v>
      </c>
      <c r="F6" s="58" t="s">
        <v>208</v>
      </c>
      <c r="G6" s="58" t="s">
        <v>432</v>
      </c>
      <c r="H6" s="58" t="s">
        <v>435</v>
      </c>
      <c r="I6" s="58" t="s">
        <v>419</v>
      </c>
      <c r="J6" s="59" t="s">
        <v>433</v>
      </c>
      <c r="K6" s="60" t="s">
        <v>438</v>
      </c>
      <c r="L6" s="58" t="s">
        <v>407</v>
      </c>
      <c r="M6" s="58" t="s">
        <v>382</v>
      </c>
      <c r="N6" s="58" t="s">
        <v>286</v>
      </c>
      <c r="O6" s="58"/>
      <c r="P6" s="58"/>
      <c r="Q6" s="58" t="s">
        <v>390</v>
      </c>
      <c r="R6" s="58" t="s">
        <v>392</v>
      </c>
      <c r="S6" s="59">
        <v>1060301</v>
      </c>
      <c r="T6" s="59">
        <v>50000</v>
      </c>
      <c r="U6" s="58"/>
      <c r="V6" s="58" t="s">
        <v>393</v>
      </c>
      <c r="W6" s="58" t="s">
        <v>416</v>
      </c>
      <c r="X6" s="58"/>
      <c r="Y6" s="59"/>
      <c r="Z6" s="59" t="s">
        <v>446</v>
      </c>
      <c r="AA6" s="61"/>
    </row>
    <row r="7" spans="1:27" ht="107.25" customHeight="1">
      <c r="A7" s="57" t="s">
        <v>418</v>
      </c>
      <c r="B7" s="58" t="s">
        <v>53</v>
      </c>
      <c r="C7" s="59" t="s">
        <v>478</v>
      </c>
      <c r="D7" s="59" t="s">
        <v>478</v>
      </c>
      <c r="E7" s="59" t="s">
        <v>478</v>
      </c>
      <c r="F7" s="58" t="s">
        <v>208</v>
      </c>
      <c r="G7" s="58" t="s">
        <v>104</v>
      </c>
      <c r="H7" s="58" t="s">
        <v>457</v>
      </c>
      <c r="I7" s="58" t="s">
        <v>414</v>
      </c>
      <c r="J7" s="59" t="s">
        <v>415</v>
      </c>
      <c r="K7" s="60" t="s">
        <v>437</v>
      </c>
      <c r="L7" s="58" t="s">
        <v>392</v>
      </c>
      <c r="M7" s="58" t="s">
        <v>381</v>
      </c>
      <c r="N7" s="58" t="s">
        <v>336</v>
      </c>
      <c r="O7" s="58"/>
      <c r="P7" s="58"/>
      <c r="Q7" s="58" t="s">
        <v>390</v>
      </c>
      <c r="R7" s="58" t="s">
        <v>392</v>
      </c>
      <c r="S7" s="59">
        <v>1060701</v>
      </c>
      <c r="T7" s="59"/>
      <c r="U7" s="58" t="s">
        <v>234</v>
      </c>
      <c r="V7" s="58" t="s">
        <v>393</v>
      </c>
      <c r="W7" s="58"/>
      <c r="X7" s="58"/>
      <c r="Y7" s="59"/>
      <c r="Z7" s="59" t="s">
        <v>479</v>
      </c>
      <c r="AA7" s="61"/>
    </row>
    <row r="8" spans="1:27" ht="150.75" customHeight="1">
      <c r="A8" s="57" t="s">
        <v>445</v>
      </c>
      <c r="B8" s="58" t="s">
        <v>460</v>
      </c>
      <c r="C8" s="59" t="s">
        <v>461</v>
      </c>
      <c r="D8" s="59" t="s">
        <v>461</v>
      </c>
      <c r="E8" s="59" t="s">
        <v>461</v>
      </c>
      <c r="F8" s="58" t="s">
        <v>217</v>
      </c>
      <c r="G8" s="58" t="s">
        <v>459</v>
      </c>
      <c r="H8" s="58" t="s">
        <v>435</v>
      </c>
      <c r="I8" s="58" t="s">
        <v>419</v>
      </c>
      <c r="J8" s="59" t="s">
        <v>462</v>
      </c>
      <c r="K8" s="60" t="s">
        <v>420</v>
      </c>
      <c r="L8" s="58" t="s">
        <v>407</v>
      </c>
      <c r="M8" s="58" t="s">
        <v>382</v>
      </c>
      <c r="N8" s="58" t="s">
        <v>286</v>
      </c>
      <c r="O8" s="58"/>
      <c r="P8" s="58"/>
      <c r="Q8" s="58" t="s">
        <v>390</v>
      </c>
      <c r="R8" s="58" t="s">
        <v>392</v>
      </c>
      <c r="S8" s="59">
        <v>1060101</v>
      </c>
      <c r="T8" s="59">
        <v>80000</v>
      </c>
      <c r="U8" s="58"/>
      <c r="V8" s="58" t="s">
        <v>421</v>
      </c>
      <c r="W8" s="58"/>
      <c r="X8" s="58" t="s">
        <v>422</v>
      </c>
      <c r="Y8" s="59">
        <v>80000</v>
      </c>
      <c r="Z8" s="59" t="s">
        <v>426</v>
      </c>
      <c r="AA8" s="61"/>
    </row>
    <row r="9" spans="1:27">
      <c r="A9" s="42"/>
      <c r="B9" s="43"/>
      <c r="C9" s="44"/>
      <c r="D9" s="44"/>
      <c r="E9" s="44"/>
      <c r="F9" s="43"/>
      <c r="G9" s="43"/>
      <c r="H9" s="43"/>
      <c r="I9" s="43"/>
      <c r="J9" s="44"/>
      <c r="K9" s="40"/>
      <c r="L9" s="43"/>
      <c r="M9" s="43"/>
      <c r="N9" s="43"/>
      <c r="O9" s="43"/>
      <c r="P9" s="43"/>
      <c r="Q9" s="43"/>
      <c r="R9" s="43"/>
      <c r="S9" s="44"/>
      <c r="T9" s="39"/>
      <c r="U9" s="43"/>
      <c r="V9" s="43"/>
      <c r="W9" s="38"/>
      <c r="X9" s="43"/>
      <c r="Y9" s="39"/>
      <c r="Z9" s="39"/>
      <c r="AA9" s="45"/>
    </row>
    <row r="10" spans="1:27">
      <c r="A10" s="42"/>
      <c r="B10" s="43"/>
      <c r="C10" s="44"/>
      <c r="D10" s="44"/>
      <c r="E10" s="44"/>
      <c r="F10" s="43"/>
      <c r="G10" s="43"/>
      <c r="H10" s="43"/>
      <c r="I10" s="43"/>
      <c r="J10" s="44"/>
      <c r="K10" s="40"/>
      <c r="L10" s="43"/>
      <c r="M10" s="43"/>
      <c r="N10" s="43"/>
      <c r="O10" s="43"/>
      <c r="P10" s="43"/>
      <c r="Q10" s="43"/>
      <c r="R10" s="43"/>
      <c r="S10" s="44"/>
      <c r="T10" s="39"/>
      <c r="U10" s="43"/>
      <c r="V10" s="43"/>
      <c r="W10" s="38"/>
      <c r="X10" s="43"/>
      <c r="Y10" s="39"/>
      <c r="Z10" s="39"/>
      <c r="AA10" s="45"/>
    </row>
    <row r="11" spans="1:27">
      <c r="A11" s="42"/>
      <c r="B11" s="43"/>
      <c r="C11" s="44"/>
      <c r="D11" s="44"/>
      <c r="E11" s="44"/>
      <c r="F11" s="43"/>
      <c r="G11" s="43"/>
      <c r="H11" s="43"/>
      <c r="I11" s="43"/>
      <c r="J11" s="44"/>
      <c r="K11" s="40"/>
      <c r="L11" s="43"/>
      <c r="M11" s="43"/>
      <c r="N11" s="43"/>
      <c r="O11" s="43"/>
      <c r="P11" s="43"/>
      <c r="Q11" s="43"/>
      <c r="R11" s="43"/>
      <c r="S11" s="44"/>
      <c r="T11" s="39"/>
      <c r="U11" s="43"/>
      <c r="V11" s="43"/>
      <c r="W11" s="38"/>
      <c r="X11" s="43"/>
      <c r="Y11" s="39"/>
      <c r="Z11" s="39"/>
      <c r="AA11" s="45"/>
    </row>
    <row r="12" spans="1:27">
      <c r="A12" s="42"/>
      <c r="B12" s="43"/>
      <c r="C12" s="44"/>
      <c r="D12" s="44"/>
      <c r="E12" s="44"/>
      <c r="F12" s="43"/>
      <c r="G12" s="43"/>
      <c r="H12" s="43"/>
      <c r="I12" s="43"/>
      <c r="J12" s="44"/>
      <c r="K12" s="40"/>
      <c r="L12" s="43"/>
      <c r="M12" s="43"/>
      <c r="N12" s="43"/>
      <c r="O12" s="43"/>
      <c r="P12" s="43"/>
      <c r="Q12" s="43"/>
      <c r="R12" s="43"/>
      <c r="S12" s="44"/>
      <c r="T12" s="39"/>
      <c r="U12" s="43"/>
      <c r="V12" s="43"/>
      <c r="W12" s="38"/>
      <c r="X12" s="43"/>
      <c r="Y12" s="39"/>
      <c r="Z12" s="39"/>
      <c r="AA12" s="45"/>
    </row>
    <row r="13" spans="1:27">
      <c r="A13" s="42"/>
      <c r="B13" s="43"/>
      <c r="C13" s="44"/>
      <c r="D13" s="44"/>
      <c r="E13" s="44"/>
      <c r="F13" s="43"/>
      <c r="G13" s="43"/>
      <c r="H13" s="43"/>
      <c r="I13" s="43"/>
      <c r="J13" s="44"/>
      <c r="K13" s="40"/>
      <c r="L13" s="43"/>
      <c r="M13" s="43"/>
      <c r="N13" s="43"/>
      <c r="O13" s="43"/>
      <c r="P13" s="43"/>
      <c r="Q13" s="43"/>
      <c r="R13" s="43"/>
      <c r="S13" s="44"/>
      <c r="T13" s="39"/>
      <c r="U13" s="43"/>
      <c r="V13" s="43"/>
      <c r="W13" s="38"/>
      <c r="X13" s="43"/>
      <c r="Y13" s="39"/>
      <c r="Z13" s="39"/>
      <c r="AA13" s="45"/>
    </row>
    <row r="14" spans="1:27">
      <c r="A14" s="42"/>
      <c r="B14" s="43"/>
      <c r="C14" s="44"/>
      <c r="D14" s="44"/>
      <c r="E14" s="44"/>
      <c r="F14" s="43"/>
      <c r="G14" s="43"/>
      <c r="H14" s="43"/>
      <c r="I14" s="43"/>
      <c r="J14" s="44"/>
      <c r="K14" s="40"/>
      <c r="L14" s="43"/>
      <c r="M14" s="43"/>
      <c r="N14" s="43"/>
      <c r="O14" s="43"/>
      <c r="P14" s="43"/>
      <c r="Q14" s="43"/>
      <c r="R14" s="43"/>
      <c r="S14" s="44"/>
      <c r="T14" s="39"/>
      <c r="U14" s="43"/>
      <c r="V14" s="43"/>
      <c r="W14" s="38"/>
      <c r="X14" s="43"/>
      <c r="Y14" s="39"/>
      <c r="Z14" s="39"/>
      <c r="AA14" s="45"/>
    </row>
    <row r="15" spans="1:27">
      <c r="A15" s="42"/>
      <c r="B15" s="43"/>
      <c r="C15" s="44"/>
      <c r="D15" s="44"/>
      <c r="E15" s="44"/>
      <c r="F15" s="43"/>
      <c r="G15" s="43"/>
      <c r="H15" s="43"/>
      <c r="I15" s="43"/>
      <c r="J15" s="44"/>
      <c r="K15" s="40"/>
      <c r="L15" s="43"/>
      <c r="M15" s="43"/>
      <c r="N15" s="43"/>
      <c r="O15" s="43"/>
      <c r="P15" s="43"/>
      <c r="Q15" s="43"/>
      <c r="R15" s="43"/>
      <c r="S15" s="44"/>
      <c r="T15" s="39"/>
      <c r="U15" s="43"/>
      <c r="V15" s="43"/>
      <c r="W15" s="38"/>
      <c r="X15" s="43"/>
      <c r="Y15" s="39"/>
      <c r="Z15" s="39"/>
      <c r="AA15" s="45"/>
    </row>
    <row r="16" spans="1:27">
      <c r="A16" s="42"/>
      <c r="B16" s="43"/>
      <c r="C16" s="44"/>
      <c r="D16" s="44"/>
      <c r="E16" s="44"/>
      <c r="F16" s="43"/>
      <c r="G16" s="43"/>
      <c r="H16" s="43"/>
      <c r="I16" s="43"/>
      <c r="J16" s="44"/>
      <c r="K16" s="40"/>
      <c r="L16" s="43"/>
      <c r="M16" s="43"/>
      <c r="N16" s="43"/>
      <c r="O16" s="43"/>
      <c r="P16" s="43"/>
      <c r="Q16" s="43"/>
      <c r="R16" s="43"/>
      <c r="S16" s="44"/>
      <c r="T16" s="39"/>
      <c r="U16" s="43"/>
      <c r="V16" s="43"/>
      <c r="W16" s="38"/>
      <c r="X16" s="43"/>
      <c r="Y16" s="39"/>
      <c r="Z16" s="39"/>
      <c r="AA16" s="45"/>
    </row>
    <row r="17" spans="1:27">
      <c r="A17" s="42"/>
      <c r="B17" s="43"/>
      <c r="C17" s="44"/>
      <c r="D17" s="44"/>
      <c r="E17" s="44"/>
      <c r="F17" s="43"/>
      <c r="G17" s="43"/>
      <c r="H17" s="43"/>
      <c r="I17" s="43"/>
      <c r="J17" s="44"/>
      <c r="K17" s="40"/>
      <c r="L17" s="43"/>
      <c r="M17" s="43"/>
      <c r="N17" s="43"/>
      <c r="O17" s="43"/>
      <c r="P17" s="43"/>
      <c r="Q17" s="43"/>
      <c r="R17" s="43"/>
      <c r="S17" s="44"/>
      <c r="T17" s="39"/>
      <c r="U17" s="43"/>
      <c r="V17" s="43"/>
      <c r="W17" s="38"/>
      <c r="X17" s="43"/>
      <c r="Y17" s="39"/>
      <c r="Z17" s="39"/>
      <c r="AA17" s="45"/>
    </row>
    <row r="18" spans="1:27">
      <c r="A18" s="42"/>
      <c r="B18" s="43"/>
      <c r="C18" s="44"/>
      <c r="D18" s="44"/>
      <c r="E18" s="44"/>
      <c r="F18" s="43"/>
      <c r="G18" s="43"/>
      <c r="H18" s="43"/>
      <c r="I18" s="43"/>
      <c r="J18" s="44"/>
      <c r="K18" s="40"/>
      <c r="L18" s="43"/>
      <c r="M18" s="43"/>
      <c r="N18" s="43"/>
      <c r="O18" s="43"/>
      <c r="P18" s="43"/>
      <c r="Q18" s="43"/>
      <c r="R18" s="43"/>
      <c r="S18" s="44"/>
      <c r="T18" s="39"/>
      <c r="U18" s="43"/>
      <c r="V18" s="43"/>
      <c r="W18" s="38"/>
      <c r="X18" s="43"/>
      <c r="Y18" s="39"/>
      <c r="Z18" s="39"/>
      <c r="AA18" s="45"/>
    </row>
    <row r="19" spans="1:27">
      <c r="A19" s="42"/>
      <c r="B19" s="43"/>
      <c r="C19" s="44"/>
      <c r="D19" s="44"/>
      <c r="E19" s="44"/>
      <c r="F19" s="43"/>
      <c r="G19" s="43"/>
      <c r="H19" s="43"/>
      <c r="I19" s="43"/>
      <c r="J19" s="44"/>
      <c r="K19" s="40"/>
      <c r="L19" s="43"/>
      <c r="M19" s="43"/>
      <c r="N19" s="43"/>
      <c r="O19" s="43"/>
      <c r="P19" s="43"/>
      <c r="Q19" s="43"/>
      <c r="R19" s="43"/>
      <c r="S19" s="44"/>
      <c r="T19" s="39"/>
      <c r="U19" s="43"/>
      <c r="V19" s="43"/>
      <c r="W19" s="38"/>
      <c r="X19" s="43"/>
      <c r="Y19" s="39"/>
      <c r="Z19" s="39"/>
      <c r="AA19" s="45"/>
    </row>
    <row r="20" spans="1:27">
      <c r="A20" s="42"/>
      <c r="B20" s="43"/>
      <c r="C20" s="44"/>
      <c r="D20" s="44"/>
      <c r="E20" s="44"/>
      <c r="F20" s="43"/>
      <c r="G20" s="43"/>
      <c r="H20" s="43"/>
      <c r="I20" s="43"/>
      <c r="J20" s="44"/>
      <c r="K20" s="40"/>
      <c r="L20" s="43"/>
      <c r="M20" s="43"/>
      <c r="N20" s="43"/>
      <c r="O20" s="43"/>
      <c r="P20" s="43"/>
      <c r="Q20" s="43"/>
      <c r="R20" s="43"/>
      <c r="S20" s="44"/>
      <c r="T20" s="39"/>
      <c r="U20" s="43"/>
      <c r="V20" s="43"/>
      <c r="W20" s="38"/>
      <c r="X20" s="43"/>
      <c r="Y20" s="39"/>
      <c r="Z20" s="39"/>
      <c r="AA20" s="45"/>
    </row>
    <row r="21" spans="1:27">
      <c r="A21" s="42"/>
      <c r="B21" s="43"/>
      <c r="C21" s="44"/>
      <c r="D21" s="44"/>
      <c r="E21" s="44"/>
      <c r="F21" s="43"/>
      <c r="G21" s="43"/>
      <c r="H21" s="43"/>
      <c r="I21" s="43"/>
      <c r="J21" s="44"/>
      <c r="K21" s="40"/>
      <c r="L21" s="43"/>
      <c r="M21" s="43"/>
      <c r="N21" s="43"/>
      <c r="O21" s="43"/>
      <c r="P21" s="43"/>
      <c r="Q21" s="43"/>
      <c r="R21" s="43"/>
      <c r="S21" s="44"/>
      <c r="T21" s="39"/>
      <c r="U21" s="43"/>
      <c r="V21" s="43"/>
      <c r="W21" s="38"/>
      <c r="X21" s="43"/>
      <c r="Y21" s="39"/>
      <c r="Z21" s="39"/>
      <c r="AA21" s="45"/>
    </row>
    <row r="22" spans="1:27">
      <c r="A22" s="42"/>
      <c r="B22" s="43"/>
      <c r="C22" s="44"/>
      <c r="D22" s="44"/>
      <c r="E22" s="44"/>
      <c r="F22" s="43"/>
      <c r="G22" s="43"/>
      <c r="H22" s="43"/>
      <c r="I22" s="43"/>
      <c r="J22" s="44"/>
      <c r="K22" s="40"/>
      <c r="L22" s="43"/>
      <c r="M22" s="43"/>
      <c r="N22" s="43"/>
      <c r="O22" s="43"/>
      <c r="P22" s="43"/>
      <c r="Q22" s="43"/>
      <c r="R22" s="43"/>
      <c r="S22" s="44"/>
      <c r="T22" s="39"/>
      <c r="U22" s="43"/>
      <c r="V22" s="43"/>
      <c r="W22" s="38"/>
      <c r="X22" s="43"/>
      <c r="Y22" s="39"/>
      <c r="Z22" s="39"/>
      <c r="AA22" s="45"/>
    </row>
    <row r="23" spans="1:27">
      <c r="A23" s="42"/>
      <c r="B23" s="43"/>
      <c r="C23" s="44"/>
      <c r="D23" s="44"/>
      <c r="E23" s="44"/>
      <c r="F23" s="43"/>
      <c r="G23" s="43"/>
      <c r="H23" s="43"/>
      <c r="I23" s="43"/>
      <c r="J23" s="44"/>
      <c r="K23" s="40"/>
      <c r="L23" s="43"/>
      <c r="M23" s="43"/>
      <c r="N23" s="43"/>
      <c r="O23" s="43"/>
      <c r="P23" s="43"/>
      <c r="Q23" s="43"/>
      <c r="R23" s="43"/>
      <c r="S23" s="44"/>
      <c r="T23" s="39"/>
      <c r="U23" s="43"/>
      <c r="V23" s="43"/>
      <c r="W23" s="38"/>
      <c r="X23" s="43"/>
      <c r="Y23" s="39"/>
      <c r="Z23" s="39"/>
      <c r="AA23" s="45"/>
    </row>
    <row r="24" spans="1:27">
      <c r="A24" s="42"/>
      <c r="B24" s="43"/>
      <c r="C24" s="44"/>
      <c r="D24" s="44"/>
      <c r="E24" s="44"/>
      <c r="F24" s="43"/>
      <c r="G24" s="43"/>
      <c r="H24" s="43"/>
      <c r="I24" s="43"/>
      <c r="J24" s="44"/>
      <c r="K24" s="40"/>
      <c r="L24" s="43"/>
      <c r="M24" s="43"/>
      <c r="N24" s="43"/>
      <c r="O24" s="43"/>
      <c r="P24" s="43"/>
      <c r="Q24" s="43"/>
      <c r="R24" s="43"/>
      <c r="S24" s="44"/>
      <c r="T24" s="39"/>
      <c r="U24" s="43"/>
      <c r="V24" s="43"/>
      <c r="W24" s="38"/>
      <c r="X24" s="43"/>
      <c r="Y24" s="39"/>
      <c r="Z24" s="39"/>
      <c r="AA24" s="45"/>
    </row>
    <row r="25" spans="1:27">
      <c r="A25" s="42"/>
      <c r="B25" s="43"/>
      <c r="C25" s="44"/>
      <c r="D25" s="44"/>
      <c r="E25" s="44"/>
      <c r="F25" s="43"/>
      <c r="G25" s="43"/>
      <c r="H25" s="43"/>
      <c r="I25" s="43"/>
      <c r="J25" s="44"/>
      <c r="K25" s="40"/>
      <c r="L25" s="43"/>
      <c r="M25" s="43"/>
      <c r="N25" s="43"/>
      <c r="O25" s="43"/>
      <c r="P25" s="43"/>
      <c r="Q25" s="43"/>
      <c r="R25" s="43"/>
      <c r="S25" s="44"/>
      <c r="T25" s="39"/>
      <c r="U25" s="43"/>
      <c r="V25" s="43"/>
      <c r="W25" s="38"/>
      <c r="X25" s="43"/>
      <c r="Y25" s="39"/>
      <c r="Z25" s="39"/>
      <c r="AA25" s="45"/>
    </row>
    <row r="26" spans="1:27">
      <c r="A26" s="42"/>
      <c r="B26" s="43"/>
      <c r="C26" s="44"/>
      <c r="D26" s="44"/>
      <c r="E26" s="44"/>
      <c r="F26" s="43"/>
      <c r="G26" s="43"/>
      <c r="H26" s="43"/>
      <c r="I26" s="43"/>
      <c r="J26" s="44"/>
      <c r="K26" s="40"/>
      <c r="L26" s="43"/>
      <c r="M26" s="43"/>
      <c r="N26" s="43"/>
      <c r="O26" s="43"/>
      <c r="P26" s="43"/>
      <c r="Q26" s="43"/>
      <c r="R26" s="43"/>
      <c r="S26" s="44"/>
      <c r="T26" s="39"/>
      <c r="U26" s="43"/>
      <c r="V26" s="43"/>
      <c r="W26" s="38"/>
      <c r="X26" s="43"/>
      <c r="Y26" s="39"/>
      <c r="Z26" s="39"/>
      <c r="AA26" s="45"/>
    </row>
    <row r="27" spans="1:27">
      <c r="A27" s="42"/>
      <c r="B27" s="43"/>
      <c r="C27" s="44"/>
      <c r="D27" s="44"/>
      <c r="E27" s="44"/>
      <c r="F27" s="43"/>
      <c r="G27" s="43"/>
      <c r="H27" s="43"/>
      <c r="I27" s="43"/>
      <c r="J27" s="44"/>
      <c r="K27" s="40"/>
      <c r="L27" s="43"/>
      <c r="M27" s="43"/>
      <c r="N27" s="43"/>
      <c r="O27" s="43"/>
      <c r="P27" s="43"/>
      <c r="Q27" s="43"/>
      <c r="R27" s="43"/>
      <c r="S27" s="44"/>
      <c r="T27" s="39"/>
      <c r="U27" s="43"/>
      <c r="V27" s="43"/>
      <c r="W27" s="38"/>
      <c r="X27" s="43"/>
      <c r="Y27" s="39"/>
      <c r="Z27" s="39"/>
      <c r="AA27" s="45"/>
    </row>
    <row r="28" spans="1:27">
      <c r="A28" s="42"/>
      <c r="B28" s="43"/>
      <c r="C28" s="44"/>
      <c r="D28" s="44"/>
      <c r="E28" s="44"/>
      <c r="F28" s="43"/>
      <c r="G28" s="43"/>
      <c r="H28" s="43"/>
      <c r="I28" s="43"/>
      <c r="J28" s="44"/>
      <c r="K28" s="40"/>
      <c r="L28" s="43"/>
      <c r="M28" s="43"/>
      <c r="N28" s="43"/>
      <c r="O28" s="43"/>
      <c r="P28" s="43"/>
      <c r="Q28" s="43"/>
      <c r="R28" s="43"/>
      <c r="S28" s="44"/>
      <c r="T28" s="39"/>
      <c r="U28" s="43"/>
      <c r="V28" s="43"/>
      <c r="W28" s="38"/>
      <c r="X28" s="43"/>
      <c r="Y28" s="39"/>
      <c r="Z28" s="39"/>
      <c r="AA28" s="45"/>
    </row>
    <row r="29" spans="1:27">
      <c r="A29" s="42"/>
      <c r="B29" s="43"/>
      <c r="C29" s="44"/>
      <c r="D29" s="44"/>
      <c r="E29" s="44"/>
      <c r="F29" s="43"/>
      <c r="G29" s="43"/>
      <c r="H29" s="43"/>
      <c r="I29" s="43"/>
      <c r="J29" s="44"/>
      <c r="K29" s="40"/>
      <c r="L29" s="43"/>
      <c r="M29" s="43"/>
      <c r="N29" s="43"/>
      <c r="O29" s="43"/>
      <c r="P29" s="43"/>
      <c r="Q29" s="43"/>
      <c r="R29" s="43"/>
      <c r="S29" s="44"/>
      <c r="T29" s="39"/>
      <c r="U29" s="43"/>
      <c r="V29" s="43"/>
      <c r="W29" s="38"/>
      <c r="X29" s="43"/>
      <c r="Y29" s="39"/>
      <c r="Z29" s="39"/>
      <c r="AA29" s="45"/>
    </row>
    <row r="30" spans="1:27">
      <c r="A30" s="42"/>
      <c r="B30" s="43"/>
      <c r="C30" s="44"/>
      <c r="D30" s="44"/>
      <c r="E30" s="44"/>
      <c r="F30" s="43"/>
      <c r="G30" s="43"/>
      <c r="H30" s="43"/>
      <c r="I30" s="43"/>
      <c r="J30" s="44"/>
      <c r="K30" s="40"/>
      <c r="L30" s="43"/>
      <c r="M30" s="43"/>
      <c r="N30" s="43"/>
      <c r="O30" s="43"/>
      <c r="P30" s="43"/>
      <c r="Q30" s="43"/>
      <c r="R30" s="43"/>
      <c r="S30" s="44"/>
      <c r="T30" s="39"/>
      <c r="U30" s="43"/>
      <c r="V30" s="43"/>
      <c r="W30" s="38"/>
      <c r="X30" s="43"/>
      <c r="Y30" s="39"/>
      <c r="Z30" s="39"/>
      <c r="AA30" s="45"/>
    </row>
    <row r="31" spans="1:27">
      <c r="A31" s="42"/>
      <c r="B31" s="43"/>
      <c r="C31" s="44"/>
      <c r="D31" s="44"/>
      <c r="E31" s="44"/>
      <c r="F31" s="43"/>
      <c r="G31" s="43"/>
      <c r="H31" s="43"/>
      <c r="I31" s="43"/>
      <c r="J31" s="44"/>
      <c r="K31" s="40"/>
      <c r="L31" s="43"/>
      <c r="M31" s="43"/>
      <c r="N31" s="43"/>
      <c r="O31" s="43"/>
      <c r="P31" s="43"/>
      <c r="Q31" s="43"/>
      <c r="R31" s="43"/>
      <c r="S31" s="44"/>
      <c r="T31" s="39"/>
      <c r="U31" s="43"/>
      <c r="V31" s="43"/>
      <c r="W31" s="38"/>
      <c r="X31" s="43"/>
      <c r="Y31" s="39"/>
      <c r="Z31" s="39"/>
      <c r="AA31" s="45"/>
    </row>
    <row r="32" spans="1:27">
      <c r="A32" s="42"/>
      <c r="B32" s="43"/>
      <c r="C32" s="44"/>
      <c r="D32" s="44"/>
      <c r="E32" s="44"/>
      <c r="F32" s="43"/>
      <c r="G32" s="43"/>
      <c r="H32" s="43"/>
      <c r="I32" s="43"/>
      <c r="J32" s="44"/>
      <c r="K32" s="40"/>
      <c r="L32" s="43"/>
      <c r="M32" s="43"/>
      <c r="N32" s="43"/>
      <c r="O32" s="43"/>
      <c r="P32" s="43"/>
      <c r="Q32" s="43"/>
      <c r="R32" s="43"/>
      <c r="S32" s="44"/>
      <c r="T32" s="39"/>
      <c r="U32" s="43"/>
      <c r="V32" s="43"/>
      <c r="W32" s="38"/>
      <c r="X32" s="43"/>
      <c r="Y32" s="39"/>
      <c r="Z32" s="39"/>
      <c r="AA32" s="45"/>
    </row>
    <row r="33" spans="1:27">
      <c r="A33" s="42"/>
      <c r="B33" s="43"/>
      <c r="C33" s="44"/>
      <c r="D33" s="44"/>
      <c r="E33" s="44"/>
      <c r="F33" s="43"/>
      <c r="G33" s="43"/>
      <c r="H33" s="43"/>
      <c r="I33" s="43"/>
      <c r="J33" s="44"/>
      <c r="K33" s="40"/>
      <c r="L33" s="43"/>
      <c r="M33" s="43"/>
      <c r="N33" s="43"/>
      <c r="O33" s="43"/>
      <c r="P33" s="43"/>
      <c r="Q33" s="43"/>
      <c r="R33" s="43"/>
      <c r="S33" s="44"/>
      <c r="T33" s="39"/>
      <c r="U33" s="43"/>
      <c r="V33" s="43"/>
      <c r="W33" s="38"/>
      <c r="X33" s="43"/>
      <c r="Y33" s="39"/>
      <c r="Z33" s="39"/>
      <c r="AA33" s="45"/>
    </row>
    <row r="34" spans="1:27">
      <c r="A34" s="42"/>
      <c r="B34" s="43"/>
      <c r="C34" s="44"/>
      <c r="D34" s="44"/>
      <c r="E34" s="44"/>
      <c r="F34" s="43"/>
      <c r="G34" s="43"/>
      <c r="H34" s="43"/>
      <c r="I34" s="43"/>
      <c r="J34" s="44"/>
      <c r="K34" s="40"/>
      <c r="L34" s="43"/>
      <c r="M34" s="43"/>
      <c r="N34" s="43"/>
      <c r="O34" s="43"/>
      <c r="P34" s="43"/>
      <c r="Q34" s="43"/>
      <c r="R34" s="43"/>
      <c r="S34" s="44"/>
      <c r="T34" s="39"/>
      <c r="U34" s="43"/>
      <c r="V34" s="43"/>
      <c r="W34" s="38"/>
      <c r="X34" s="43"/>
      <c r="Y34" s="39"/>
      <c r="Z34" s="39"/>
      <c r="AA34" s="45"/>
    </row>
    <row r="35" spans="1:27">
      <c r="A35" s="42"/>
      <c r="B35" s="43"/>
      <c r="C35" s="44"/>
      <c r="D35" s="44"/>
      <c r="E35" s="44"/>
      <c r="F35" s="43"/>
      <c r="G35" s="43"/>
      <c r="H35" s="43"/>
      <c r="I35" s="43"/>
      <c r="J35" s="44"/>
      <c r="K35" s="40"/>
      <c r="L35" s="43"/>
      <c r="M35" s="43"/>
      <c r="N35" s="43"/>
      <c r="O35" s="43"/>
      <c r="P35" s="43"/>
      <c r="Q35" s="43"/>
      <c r="R35" s="43"/>
      <c r="S35" s="44"/>
      <c r="T35" s="39"/>
      <c r="U35" s="43"/>
      <c r="V35" s="43"/>
      <c r="W35" s="38"/>
      <c r="X35" s="43"/>
      <c r="Y35" s="39"/>
      <c r="Z35" s="39"/>
      <c r="AA35" s="45"/>
    </row>
    <row r="36" spans="1:27">
      <c r="A36" s="42"/>
      <c r="B36" s="43"/>
      <c r="C36" s="44"/>
      <c r="D36" s="44"/>
      <c r="E36" s="44"/>
      <c r="F36" s="43"/>
      <c r="G36" s="43"/>
      <c r="H36" s="43"/>
      <c r="I36" s="43"/>
      <c r="J36" s="44"/>
      <c r="K36" s="40"/>
      <c r="L36" s="43"/>
      <c r="M36" s="43"/>
      <c r="N36" s="43"/>
      <c r="O36" s="43"/>
      <c r="P36" s="43"/>
      <c r="Q36" s="43"/>
      <c r="R36" s="43"/>
      <c r="S36" s="44"/>
      <c r="T36" s="39"/>
      <c r="U36" s="43"/>
      <c r="V36" s="43"/>
      <c r="W36" s="38"/>
      <c r="X36" s="43"/>
      <c r="Y36" s="39"/>
      <c r="Z36" s="39"/>
      <c r="AA36" s="45"/>
    </row>
    <row r="37" spans="1:27">
      <c r="A37" s="42"/>
      <c r="B37" s="43"/>
      <c r="C37" s="44"/>
      <c r="D37" s="44"/>
      <c r="E37" s="44"/>
      <c r="F37" s="43"/>
      <c r="G37" s="43"/>
      <c r="H37" s="43"/>
      <c r="I37" s="43"/>
      <c r="J37" s="44"/>
      <c r="K37" s="40"/>
      <c r="L37" s="43"/>
      <c r="M37" s="43"/>
      <c r="N37" s="43"/>
      <c r="O37" s="43"/>
      <c r="P37" s="43"/>
      <c r="Q37" s="43"/>
      <c r="R37" s="43"/>
      <c r="S37" s="44"/>
      <c r="T37" s="39"/>
      <c r="U37" s="43"/>
      <c r="V37" s="43"/>
      <c r="W37" s="38"/>
      <c r="X37" s="43"/>
      <c r="Y37" s="39"/>
      <c r="Z37" s="39"/>
      <c r="AA37" s="45"/>
    </row>
    <row r="38" spans="1:27">
      <c r="A38" s="42"/>
      <c r="B38" s="43"/>
      <c r="C38" s="44"/>
      <c r="D38" s="44"/>
      <c r="E38" s="44"/>
      <c r="F38" s="43"/>
      <c r="G38" s="43"/>
      <c r="H38" s="43"/>
      <c r="I38" s="43"/>
      <c r="J38" s="44"/>
      <c r="K38" s="40"/>
      <c r="L38" s="43"/>
      <c r="M38" s="43"/>
      <c r="N38" s="43"/>
      <c r="O38" s="43"/>
      <c r="P38" s="43"/>
      <c r="Q38" s="43"/>
      <c r="R38" s="43"/>
      <c r="S38" s="44"/>
      <c r="T38" s="39"/>
      <c r="U38" s="43"/>
      <c r="V38" s="43"/>
      <c r="W38" s="38"/>
      <c r="X38" s="43"/>
      <c r="Y38" s="39"/>
      <c r="Z38" s="39"/>
      <c r="AA38" s="45"/>
    </row>
    <row r="39" spans="1:27">
      <c r="A39" s="42"/>
      <c r="B39" s="43"/>
      <c r="C39" s="44"/>
      <c r="D39" s="44"/>
      <c r="E39" s="44"/>
      <c r="F39" s="43"/>
      <c r="G39" s="43"/>
      <c r="H39" s="43"/>
      <c r="I39" s="43"/>
      <c r="J39" s="44"/>
      <c r="K39" s="40"/>
      <c r="L39" s="43"/>
      <c r="M39" s="43"/>
      <c r="N39" s="43"/>
      <c r="O39" s="43"/>
      <c r="P39" s="43"/>
      <c r="Q39" s="43"/>
      <c r="R39" s="43"/>
      <c r="S39" s="44"/>
      <c r="T39" s="39"/>
      <c r="U39" s="43"/>
      <c r="V39" s="43"/>
      <c r="W39" s="38"/>
      <c r="X39" s="43"/>
      <c r="Y39" s="39"/>
      <c r="Z39" s="39"/>
      <c r="AA39" s="45"/>
    </row>
    <row r="40" spans="1:27">
      <c r="A40" s="42"/>
      <c r="B40" s="43"/>
      <c r="C40" s="44"/>
      <c r="D40" s="44"/>
      <c r="E40" s="44"/>
      <c r="F40" s="43"/>
      <c r="G40" s="43"/>
      <c r="H40" s="43"/>
      <c r="I40" s="43"/>
      <c r="J40" s="44"/>
      <c r="K40" s="40"/>
      <c r="L40" s="43"/>
      <c r="M40" s="43"/>
      <c r="N40" s="43"/>
      <c r="O40" s="43"/>
      <c r="P40" s="43"/>
      <c r="Q40" s="43"/>
      <c r="R40" s="43"/>
      <c r="S40" s="44"/>
      <c r="T40" s="39"/>
      <c r="U40" s="43"/>
      <c r="V40" s="43"/>
      <c r="W40" s="38"/>
      <c r="X40" s="43"/>
      <c r="Y40" s="39"/>
      <c r="Z40" s="39"/>
      <c r="AA40" s="45"/>
    </row>
    <row r="41" spans="1:27">
      <c r="A41" s="42"/>
      <c r="B41" s="43"/>
      <c r="C41" s="44"/>
      <c r="D41" s="44"/>
      <c r="E41" s="44"/>
      <c r="F41" s="43"/>
      <c r="G41" s="43"/>
      <c r="H41" s="43"/>
      <c r="I41" s="43"/>
      <c r="J41" s="44"/>
      <c r="K41" s="40"/>
      <c r="L41" s="43"/>
      <c r="M41" s="43"/>
      <c r="N41" s="43"/>
      <c r="O41" s="43"/>
      <c r="P41" s="43"/>
      <c r="Q41" s="43"/>
      <c r="R41" s="43"/>
      <c r="S41" s="44"/>
      <c r="T41" s="39"/>
      <c r="U41" s="43"/>
      <c r="V41" s="43"/>
      <c r="W41" s="38"/>
      <c r="X41" s="43"/>
      <c r="Y41" s="39"/>
      <c r="Z41" s="39"/>
      <c r="AA41" s="45"/>
    </row>
    <row r="42" spans="1:27">
      <c r="A42" s="42"/>
      <c r="B42" s="43"/>
      <c r="C42" s="44"/>
      <c r="D42" s="44"/>
      <c r="E42" s="44"/>
      <c r="F42" s="43"/>
      <c r="G42" s="43"/>
      <c r="H42" s="43"/>
      <c r="I42" s="43"/>
      <c r="J42" s="44"/>
      <c r="K42" s="40"/>
      <c r="L42" s="43"/>
      <c r="M42" s="43"/>
      <c r="N42" s="43"/>
      <c r="O42" s="43"/>
      <c r="P42" s="43"/>
      <c r="Q42" s="43"/>
      <c r="R42" s="43"/>
      <c r="S42" s="44"/>
      <c r="T42" s="39"/>
      <c r="U42" s="43"/>
      <c r="V42" s="43"/>
      <c r="W42" s="38"/>
      <c r="X42" s="43"/>
      <c r="Y42" s="39"/>
      <c r="Z42" s="39"/>
      <c r="AA42" s="45"/>
    </row>
    <row r="43" spans="1:27">
      <c r="A43" s="42"/>
      <c r="B43" s="43"/>
      <c r="C43" s="44"/>
      <c r="D43" s="44"/>
      <c r="E43" s="44"/>
      <c r="F43" s="43"/>
      <c r="G43" s="43"/>
      <c r="H43" s="43"/>
      <c r="I43" s="43"/>
      <c r="J43" s="44"/>
      <c r="K43" s="40"/>
      <c r="L43" s="43"/>
      <c r="M43" s="43"/>
      <c r="N43" s="43"/>
      <c r="O43" s="43"/>
      <c r="P43" s="43"/>
      <c r="Q43" s="43"/>
      <c r="R43" s="43"/>
      <c r="S43" s="44"/>
      <c r="T43" s="39"/>
      <c r="U43" s="43"/>
      <c r="V43" s="43"/>
      <c r="W43" s="38"/>
      <c r="X43" s="43"/>
      <c r="Y43" s="39"/>
      <c r="Z43" s="39"/>
      <c r="AA43" s="45"/>
    </row>
    <row r="44" spans="1:27">
      <c r="A44" s="42"/>
      <c r="B44" s="43"/>
      <c r="C44" s="44"/>
      <c r="D44" s="44"/>
      <c r="E44" s="44"/>
      <c r="F44" s="43"/>
      <c r="G44" s="43"/>
      <c r="H44" s="43"/>
      <c r="I44" s="43"/>
      <c r="J44" s="44"/>
      <c r="K44" s="40"/>
      <c r="L44" s="43"/>
      <c r="M44" s="43"/>
      <c r="N44" s="43"/>
      <c r="O44" s="43"/>
      <c r="P44" s="43"/>
      <c r="Q44" s="43"/>
      <c r="R44" s="43"/>
      <c r="S44" s="44"/>
      <c r="T44" s="39"/>
      <c r="U44" s="43"/>
      <c r="V44" s="43"/>
      <c r="W44" s="38"/>
      <c r="X44" s="43"/>
      <c r="Y44" s="39"/>
      <c r="Z44" s="39"/>
      <c r="AA44" s="45"/>
    </row>
    <row r="45" spans="1:27">
      <c r="A45" s="42"/>
      <c r="B45" s="43"/>
      <c r="C45" s="44"/>
      <c r="D45" s="44"/>
      <c r="E45" s="44"/>
      <c r="F45" s="43"/>
      <c r="G45" s="43"/>
      <c r="H45" s="43"/>
      <c r="I45" s="43"/>
      <c r="J45" s="44"/>
      <c r="K45" s="40"/>
      <c r="L45" s="43"/>
      <c r="M45" s="43"/>
      <c r="N45" s="43"/>
      <c r="O45" s="43"/>
      <c r="P45" s="43"/>
      <c r="Q45" s="43"/>
      <c r="R45" s="43"/>
      <c r="S45" s="44"/>
      <c r="T45" s="39"/>
      <c r="U45" s="43"/>
      <c r="V45" s="43"/>
      <c r="W45" s="38"/>
      <c r="X45" s="43"/>
      <c r="Y45" s="39"/>
      <c r="Z45" s="39"/>
      <c r="AA45" s="45"/>
    </row>
    <row r="46" spans="1:27">
      <c r="A46" s="42"/>
      <c r="B46" s="43"/>
      <c r="C46" s="44"/>
      <c r="D46" s="44"/>
      <c r="E46" s="44"/>
      <c r="F46" s="43"/>
      <c r="G46" s="43"/>
      <c r="H46" s="43"/>
      <c r="I46" s="43"/>
      <c r="J46" s="44"/>
      <c r="K46" s="40"/>
      <c r="L46" s="43"/>
      <c r="M46" s="43"/>
      <c r="N46" s="43"/>
      <c r="O46" s="43"/>
      <c r="P46" s="43"/>
      <c r="Q46" s="43"/>
      <c r="R46" s="43"/>
      <c r="S46" s="44"/>
      <c r="T46" s="39"/>
      <c r="U46" s="43"/>
      <c r="V46" s="43"/>
      <c r="W46" s="38"/>
      <c r="X46" s="43"/>
      <c r="Y46" s="39"/>
      <c r="Z46" s="39"/>
      <c r="AA46" s="45"/>
    </row>
    <row r="47" spans="1:27">
      <c r="A47" s="42"/>
      <c r="B47" s="43"/>
      <c r="C47" s="44"/>
      <c r="D47" s="44"/>
      <c r="E47" s="44"/>
      <c r="F47" s="43"/>
      <c r="G47" s="43"/>
      <c r="H47" s="43"/>
      <c r="I47" s="43"/>
      <c r="J47" s="44"/>
      <c r="K47" s="40"/>
      <c r="L47" s="43"/>
      <c r="M47" s="43"/>
      <c r="N47" s="43"/>
      <c r="O47" s="43"/>
      <c r="P47" s="43"/>
      <c r="Q47" s="43"/>
      <c r="R47" s="43"/>
      <c r="S47" s="44"/>
      <c r="T47" s="39"/>
      <c r="U47" s="43"/>
      <c r="V47" s="43"/>
      <c r="W47" s="38"/>
      <c r="X47" s="43"/>
      <c r="Y47" s="39"/>
      <c r="Z47" s="39"/>
      <c r="AA47" s="45"/>
    </row>
    <row r="48" spans="1:27">
      <c r="A48" s="42"/>
      <c r="B48" s="43"/>
      <c r="C48" s="44"/>
      <c r="D48" s="44"/>
      <c r="E48" s="44"/>
      <c r="F48" s="43"/>
      <c r="G48" s="43"/>
      <c r="H48" s="43"/>
      <c r="I48" s="43"/>
      <c r="J48" s="44"/>
      <c r="K48" s="40"/>
      <c r="L48" s="43"/>
      <c r="M48" s="43"/>
      <c r="N48" s="43"/>
      <c r="O48" s="43"/>
      <c r="P48" s="43"/>
      <c r="Q48" s="43"/>
      <c r="R48" s="43"/>
      <c r="S48" s="44"/>
      <c r="T48" s="39"/>
      <c r="U48" s="43"/>
      <c r="V48" s="43"/>
      <c r="W48" s="38"/>
      <c r="X48" s="43"/>
      <c r="Y48" s="39"/>
      <c r="Z48" s="39"/>
      <c r="AA48" s="45"/>
    </row>
    <row r="49" spans="1:27">
      <c r="A49" s="42"/>
      <c r="B49" s="43"/>
      <c r="C49" s="44"/>
      <c r="D49" s="44"/>
      <c r="E49" s="44"/>
      <c r="F49" s="43"/>
      <c r="G49" s="43"/>
      <c r="H49" s="43"/>
      <c r="I49" s="43"/>
      <c r="J49" s="44"/>
      <c r="K49" s="40"/>
      <c r="L49" s="43"/>
      <c r="M49" s="43"/>
      <c r="N49" s="43"/>
      <c r="O49" s="43"/>
      <c r="P49" s="43"/>
      <c r="Q49" s="43"/>
      <c r="R49" s="43"/>
      <c r="S49" s="44"/>
      <c r="T49" s="39"/>
      <c r="U49" s="43"/>
      <c r="V49" s="43"/>
      <c r="W49" s="38"/>
      <c r="X49" s="43"/>
      <c r="Y49" s="39"/>
      <c r="Z49" s="39"/>
      <c r="AA49" s="45"/>
    </row>
    <row r="50" spans="1:27">
      <c r="A50" s="42"/>
      <c r="B50" s="43"/>
      <c r="C50" s="44"/>
      <c r="D50" s="44"/>
      <c r="E50" s="44"/>
      <c r="F50" s="43"/>
      <c r="G50" s="43"/>
      <c r="H50" s="43"/>
      <c r="I50" s="43"/>
      <c r="J50" s="44"/>
      <c r="K50" s="40"/>
      <c r="L50" s="43"/>
      <c r="M50" s="43"/>
      <c r="N50" s="43"/>
      <c r="O50" s="43"/>
      <c r="P50" s="43"/>
      <c r="Q50" s="43"/>
      <c r="R50" s="43"/>
      <c r="S50" s="44"/>
      <c r="T50" s="39"/>
      <c r="U50" s="43"/>
      <c r="V50" s="43"/>
      <c r="W50" s="38"/>
      <c r="X50" s="43"/>
      <c r="Y50" s="39"/>
      <c r="Z50" s="39"/>
      <c r="AA50" s="45"/>
    </row>
    <row r="51" spans="1:27">
      <c r="A51" s="42"/>
      <c r="B51" s="43"/>
      <c r="C51" s="44"/>
      <c r="D51" s="44"/>
      <c r="E51" s="44"/>
      <c r="F51" s="43"/>
      <c r="G51" s="43"/>
      <c r="H51" s="43"/>
      <c r="I51" s="43"/>
      <c r="J51" s="44"/>
      <c r="K51" s="40"/>
      <c r="L51" s="43"/>
      <c r="M51" s="43"/>
      <c r="N51" s="43"/>
      <c r="O51" s="43"/>
      <c r="P51" s="43"/>
      <c r="Q51" s="43"/>
      <c r="R51" s="43"/>
      <c r="S51" s="44"/>
      <c r="T51" s="39"/>
      <c r="U51" s="43"/>
      <c r="V51" s="43"/>
      <c r="W51" s="38"/>
      <c r="X51" s="43"/>
      <c r="Y51" s="39"/>
      <c r="Z51" s="39"/>
      <c r="AA51" s="45"/>
    </row>
    <row r="52" spans="1:27">
      <c r="A52" s="42"/>
      <c r="B52" s="43"/>
      <c r="C52" s="44"/>
      <c r="D52" s="44"/>
      <c r="E52" s="44"/>
      <c r="F52" s="43"/>
      <c r="G52" s="43"/>
      <c r="H52" s="43"/>
      <c r="I52" s="43"/>
      <c r="J52" s="44"/>
      <c r="K52" s="40"/>
      <c r="L52" s="43"/>
      <c r="M52" s="43"/>
      <c r="N52" s="43"/>
      <c r="O52" s="43"/>
      <c r="P52" s="43"/>
      <c r="Q52" s="43"/>
      <c r="R52" s="43"/>
      <c r="S52" s="44"/>
      <c r="T52" s="39"/>
      <c r="U52" s="43"/>
      <c r="V52" s="43"/>
      <c r="W52" s="38"/>
      <c r="X52" s="43"/>
      <c r="Y52" s="39"/>
      <c r="Z52" s="39"/>
      <c r="AA52" s="45"/>
    </row>
    <row r="53" spans="1:27">
      <c r="A53" s="42"/>
      <c r="B53" s="43"/>
      <c r="C53" s="44"/>
      <c r="D53" s="44"/>
      <c r="E53" s="44"/>
      <c r="F53" s="43"/>
      <c r="G53" s="43"/>
      <c r="H53" s="43"/>
      <c r="I53" s="43"/>
      <c r="J53" s="44"/>
      <c r="K53" s="40"/>
      <c r="L53" s="43"/>
      <c r="M53" s="43"/>
      <c r="N53" s="43"/>
      <c r="O53" s="43"/>
      <c r="P53" s="43"/>
      <c r="Q53" s="43"/>
      <c r="R53" s="43"/>
      <c r="S53" s="44"/>
      <c r="T53" s="39"/>
      <c r="U53" s="43"/>
      <c r="V53" s="43"/>
      <c r="W53" s="38"/>
      <c r="X53" s="43"/>
      <c r="Y53" s="39"/>
      <c r="Z53" s="39"/>
      <c r="AA53" s="45"/>
    </row>
    <row r="54" spans="1:27">
      <c r="A54" s="42"/>
      <c r="B54" s="43"/>
      <c r="C54" s="44"/>
      <c r="D54" s="44"/>
      <c r="E54" s="44"/>
      <c r="F54" s="43"/>
      <c r="G54" s="43"/>
      <c r="H54" s="43"/>
      <c r="I54" s="43"/>
      <c r="J54" s="44"/>
      <c r="K54" s="40"/>
      <c r="L54" s="43"/>
      <c r="M54" s="43"/>
      <c r="N54" s="43"/>
      <c r="O54" s="43"/>
      <c r="P54" s="43"/>
      <c r="Q54" s="43"/>
      <c r="R54" s="43"/>
      <c r="S54" s="44"/>
      <c r="T54" s="39"/>
      <c r="U54" s="43"/>
      <c r="V54" s="43"/>
      <c r="W54" s="38"/>
      <c r="X54" s="43"/>
      <c r="Y54" s="39"/>
      <c r="Z54" s="39"/>
      <c r="AA54" s="45"/>
    </row>
    <row r="55" spans="1:27">
      <c r="A55" s="42"/>
      <c r="B55" s="43"/>
      <c r="C55" s="44"/>
      <c r="D55" s="44"/>
      <c r="E55" s="44"/>
      <c r="F55" s="43"/>
      <c r="G55" s="43"/>
      <c r="H55" s="43"/>
      <c r="I55" s="43"/>
      <c r="J55" s="44"/>
      <c r="K55" s="40"/>
      <c r="L55" s="43"/>
      <c r="M55" s="43"/>
      <c r="N55" s="43"/>
      <c r="O55" s="43"/>
      <c r="P55" s="43"/>
      <c r="Q55" s="43"/>
      <c r="R55" s="43"/>
      <c r="S55" s="44"/>
      <c r="T55" s="39"/>
      <c r="U55" s="43"/>
      <c r="V55" s="43"/>
      <c r="W55" s="38"/>
      <c r="X55" s="43"/>
      <c r="Y55" s="39"/>
      <c r="Z55" s="39"/>
      <c r="AA55" s="45"/>
    </row>
    <row r="56" spans="1:27">
      <c r="A56" s="42"/>
      <c r="B56" s="43"/>
      <c r="C56" s="44"/>
      <c r="D56" s="44"/>
      <c r="E56" s="44"/>
      <c r="F56" s="43"/>
      <c r="G56" s="43"/>
      <c r="H56" s="43"/>
      <c r="I56" s="43"/>
      <c r="J56" s="44"/>
      <c r="K56" s="40"/>
      <c r="L56" s="43"/>
      <c r="M56" s="43"/>
      <c r="N56" s="43"/>
      <c r="O56" s="43"/>
      <c r="P56" s="43"/>
      <c r="Q56" s="43"/>
      <c r="R56" s="43"/>
      <c r="S56" s="44"/>
      <c r="T56" s="39"/>
      <c r="U56" s="43"/>
      <c r="V56" s="43"/>
      <c r="W56" s="38"/>
      <c r="X56" s="43"/>
      <c r="Y56" s="39"/>
      <c r="Z56" s="39"/>
      <c r="AA56" s="45"/>
    </row>
    <row r="57" spans="1:27">
      <c r="A57" s="42"/>
      <c r="B57" s="43"/>
      <c r="C57" s="44"/>
      <c r="D57" s="44"/>
      <c r="E57" s="44"/>
      <c r="F57" s="43"/>
      <c r="G57" s="43"/>
      <c r="H57" s="43"/>
      <c r="I57" s="43"/>
      <c r="J57" s="44"/>
      <c r="K57" s="40"/>
      <c r="L57" s="43"/>
      <c r="M57" s="43"/>
      <c r="N57" s="43"/>
      <c r="O57" s="43"/>
      <c r="P57" s="43"/>
      <c r="Q57" s="43"/>
      <c r="R57" s="43"/>
      <c r="S57" s="44"/>
      <c r="T57" s="39"/>
      <c r="U57" s="43"/>
      <c r="V57" s="43"/>
      <c r="W57" s="38"/>
      <c r="X57" s="43"/>
      <c r="Y57" s="39"/>
      <c r="Z57" s="39"/>
      <c r="AA57" s="45"/>
    </row>
    <row r="58" spans="1:27">
      <c r="A58" s="42"/>
      <c r="B58" s="43"/>
      <c r="C58" s="44"/>
      <c r="D58" s="44"/>
      <c r="E58" s="44"/>
      <c r="F58" s="43"/>
      <c r="G58" s="43"/>
      <c r="H58" s="43"/>
      <c r="I58" s="43"/>
      <c r="J58" s="44"/>
      <c r="K58" s="40"/>
      <c r="L58" s="43"/>
      <c r="M58" s="43"/>
      <c r="N58" s="43"/>
      <c r="O58" s="43"/>
      <c r="P58" s="43"/>
      <c r="Q58" s="43"/>
      <c r="R58" s="43"/>
      <c r="S58" s="44"/>
      <c r="T58" s="39"/>
      <c r="U58" s="43"/>
      <c r="V58" s="43"/>
      <c r="W58" s="38"/>
      <c r="X58" s="43"/>
      <c r="Y58" s="39"/>
      <c r="Z58" s="39"/>
      <c r="AA58" s="45"/>
    </row>
    <row r="59" spans="1:27">
      <c r="A59" s="42"/>
      <c r="B59" s="43"/>
      <c r="C59" s="44"/>
      <c r="D59" s="44"/>
      <c r="E59" s="44"/>
      <c r="F59" s="43"/>
      <c r="G59" s="43"/>
      <c r="H59" s="43"/>
      <c r="I59" s="43"/>
      <c r="J59" s="44"/>
      <c r="K59" s="40"/>
      <c r="L59" s="43"/>
      <c r="M59" s="43"/>
      <c r="N59" s="43"/>
      <c r="O59" s="43"/>
      <c r="P59" s="43"/>
      <c r="Q59" s="43"/>
      <c r="R59" s="43"/>
      <c r="S59" s="44"/>
      <c r="T59" s="39"/>
      <c r="U59" s="43"/>
      <c r="V59" s="43"/>
      <c r="W59" s="38"/>
      <c r="X59" s="43"/>
      <c r="Y59" s="39"/>
      <c r="Z59" s="39"/>
      <c r="AA59" s="45"/>
    </row>
    <row r="60" spans="1:27" ht="17.25" thickBot="1">
      <c r="A60" s="46"/>
      <c r="B60" s="41"/>
      <c r="C60" s="47"/>
      <c r="D60" s="47"/>
      <c r="E60" s="47"/>
      <c r="F60" s="41"/>
      <c r="G60" s="41"/>
      <c r="H60" s="41"/>
      <c r="I60" s="41"/>
      <c r="J60" s="47"/>
      <c r="K60" s="48"/>
      <c r="L60" s="41"/>
      <c r="M60" s="41"/>
      <c r="N60" s="41"/>
      <c r="O60" s="41"/>
      <c r="P60" s="41"/>
      <c r="Q60" s="41"/>
      <c r="R60" s="41"/>
      <c r="S60" s="47"/>
      <c r="T60" s="47"/>
      <c r="U60" s="41"/>
      <c r="V60" s="41"/>
      <c r="W60" s="41"/>
      <c r="X60" s="41"/>
      <c r="Y60" s="47"/>
      <c r="Z60" s="47"/>
      <c r="AA60" s="49"/>
    </row>
    <row r="61" spans="1:27" ht="138.75" customHeight="1" thickBot="1">
      <c r="A61" s="97" t="s">
        <v>469</v>
      </c>
      <c r="B61" s="98"/>
      <c r="C61" s="98"/>
      <c r="D61" s="98"/>
      <c r="E61" s="98"/>
      <c r="F61" s="98"/>
      <c r="G61" s="98"/>
      <c r="H61" s="98"/>
      <c r="I61" s="98"/>
      <c r="J61" s="98"/>
      <c r="K61" s="98"/>
      <c r="L61" s="98"/>
      <c r="M61" s="98"/>
      <c r="N61" s="98"/>
      <c r="O61" s="98"/>
      <c r="P61" s="98"/>
      <c r="Q61" s="98"/>
      <c r="R61" s="98"/>
      <c r="S61" s="98"/>
      <c r="T61" s="98"/>
      <c r="U61" s="98"/>
      <c r="V61" s="98"/>
      <c r="W61" s="98"/>
      <c r="X61" s="98"/>
      <c r="Y61" s="98"/>
      <c r="Z61" s="98"/>
      <c r="AA61" s="99"/>
    </row>
    <row r="62" spans="1:27" ht="20.25" thickBot="1">
      <c r="A62" s="95" t="s">
        <v>240</v>
      </c>
      <c r="B62" s="96"/>
      <c r="C62" s="66"/>
      <c r="D62" s="62"/>
      <c r="E62" s="62"/>
      <c r="F62" s="62"/>
      <c r="G62" s="62"/>
      <c r="H62" s="62"/>
      <c r="I62" s="62"/>
      <c r="J62" s="62"/>
      <c r="K62" s="62"/>
      <c r="L62" s="62"/>
      <c r="M62" s="62"/>
      <c r="N62" s="62"/>
      <c r="O62" s="62" t="s">
        <v>402</v>
      </c>
      <c r="P62" s="62"/>
      <c r="Q62" s="62"/>
      <c r="R62" s="62"/>
      <c r="S62" s="62"/>
      <c r="T62" s="62"/>
      <c r="U62" s="62"/>
      <c r="V62" s="62"/>
      <c r="W62" s="62"/>
      <c r="X62" s="62"/>
      <c r="Y62" s="63"/>
      <c r="Z62" s="63"/>
      <c r="AA62" s="91"/>
    </row>
    <row r="63" spans="1:27" ht="20.25" thickBot="1">
      <c r="A63" s="64"/>
      <c r="B63" s="65" t="s">
        <v>208</v>
      </c>
      <c r="C63" s="66" t="s">
        <v>242</v>
      </c>
      <c r="D63" s="62"/>
      <c r="E63" s="62"/>
      <c r="F63" s="62"/>
      <c r="G63" s="62"/>
      <c r="H63" s="62"/>
      <c r="I63" s="62"/>
      <c r="J63" s="62"/>
      <c r="K63" s="62"/>
      <c r="L63" s="62"/>
      <c r="M63" s="62"/>
      <c r="N63" s="62"/>
      <c r="O63" s="62"/>
      <c r="P63" s="62"/>
      <c r="Q63" s="62"/>
      <c r="R63" s="62"/>
      <c r="S63" s="62"/>
      <c r="T63" s="62"/>
      <c r="U63" s="62"/>
      <c r="V63" s="62"/>
      <c r="W63" s="62"/>
      <c r="X63" s="62"/>
      <c r="Y63" s="63"/>
      <c r="Z63" s="63"/>
      <c r="AA63" s="92"/>
    </row>
    <row r="64" spans="1:27" ht="20.25" thickBot="1">
      <c r="A64" s="67"/>
      <c r="B64" s="65" t="s">
        <v>209</v>
      </c>
      <c r="C64" s="68" t="s">
        <v>470</v>
      </c>
      <c r="D64" s="69"/>
      <c r="E64" s="69"/>
      <c r="F64" s="69"/>
      <c r="G64" s="69"/>
      <c r="H64" s="69"/>
      <c r="I64" s="69"/>
      <c r="J64" s="69"/>
      <c r="K64" s="69"/>
      <c r="L64" s="69"/>
      <c r="M64" s="69"/>
      <c r="N64" s="69"/>
      <c r="O64" s="69"/>
      <c r="P64" s="69"/>
      <c r="Q64" s="69"/>
      <c r="R64" s="69"/>
      <c r="S64" s="69"/>
      <c r="T64" s="69"/>
      <c r="U64" s="69"/>
      <c r="V64" s="69"/>
      <c r="W64" s="69"/>
      <c r="X64" s="69"/>
      <c r="Y64" s="70"/>
      <c r="Z64" s="70"/>
      <c r="AA64" s="93"/>
    </row>
    <row r="65" spans="1:27" ht="20.25" thickBot="1">
      <c r="A65" s="67"/>
      <c r="B65" s="65" t="s">
        <v>210</v>
      </c>
      <c r="C65" s="68" t="s">
        <v>227</v>
      </c>
      <c r="D65" s="69"/>
      <c r="E65" s="69"/>
      <c r="F65" s="69"/>
      <c r="G65" s="69"/>
      <c r="H65" s="69"/>
      <c r="I65" s="69"/>
      <c r="J65" s="69"/>
      <c r="K65" s="69"/>
      <c r="L65" s="69"/>
      <c r="M65" s="69"/>
      <c r="N65" s="69"/>
      <c r="O65" s="69"/>
      <c r="P65" s="69"/>
      <c r="Q65" s="69"/>
      <c r="R65" s="69"/>
      <c r="S65" s="69"/>
      <c r="T65" s="69"/>
      <c r="U65" s="69"/>
      <c r="V65" s="69"/>
      <c r="W65" s="69"/>
      <c r="X65" s="69"/>
      <c r="Y65" s="70"/>
      <c r="Z65" s="70"/>
      <c r="AA65" s="93"/>
    </row>
    <row r="66" spans="1:27" ht="20.25" thickBot="1">
      <c r="A66" s="67"/>
      <c r="B66" s="65" t="s">
        <v>211</v>
      </c>
      <c r="C66" s="68" t="s">
        <v>228</v>
      </c>
      <c r="D66" s="69"/>
      <c r="E66" s="69"/>
      <c r="F66" s="69"/>
      <c r="G66" s="69"/>
      <c r="H66" s="69"/>
      <c r="I66" s="69"/>
      <c r="J66" s="69"/>
      <c r="K66" s="69"/>
      <c r="L66" s="69"/>
      <c r="M66" s="69"/>
      <c r="N66" s="69"/>
      <c r="O66" s="69"/>
      <c r="P66" s="69"/>
      <c r="Q66" s="69"/>
      <c r="R66" s="69"/>
      <c r="S66" s="69"/>
      <c r="T66" s="69"/>
      <c r="U66" s="69"/>
      <c r="V66" s="69"/>
      <c r="W66" s="69"/>
      <c r="X66" s="69"/>
      <c r="Y66" s="70"/>
      <c r="Z66" s="70"/>
      <c r="AA66" s="93"/>
    </row>
    <row r="67" spans="1:27" ht="20.25" thickBot="1">
      <c r="A67" s="71"/>
      <c r="B67" s="65" t="s">
        <v>212</v>
      </c>
      <c r="C67" s="68" t="s">
        <v>229</v>
      </c>
      <c r="D67" s="69"/>
      <c r="E67" s="69"/>
      <c r="F67" s="69"/>
      <c r="G67" s="69"/>
      <c r="H67" s="69"/>
      <c r="I67" s="69"/>
      <c r="J67" s="69"/>
      <c r="K67" s="69"/>
      <c r="L67" s="69"/>
      <c r="M67" s="69"/>
      <c r="N67" s="69"/>
      <c r="O67" s="69"/>
      <c r="P67" s="69"/>
      <c r="Q67" s="69"/>
      <c r="R67" s="69"/>
      <c r="S67" s="69"/>
      <c r="T67" s="69"/>
      <c r="U67" s="69"/>
      <c r="V67" s="69"/>
      <c r="W67" s="69"/>
      <c r="X67" s="69"/>
      <c r="Y67" s="70"/>
      <c r="Z67" s="70"/>
      <c r="AA67" s="93"/>
    </row>
    <row r="68" spans="1:27" ht="20.25" thickBot="1">
      <c r="A68" s="71" t="s">
        <v>241</v>
      </c>
      <c r="B68" s="65" t="s">
        <v>213</v>
      </c>
      <c r="C68" s="68" t="s">
        <v>230</v>
      </c>
      <c r="D68" s="69"/>
      <c r="E68" s="69"/>
      <c r="F68" s="69"/>
      <c r="G68" s="69"/>
      <c r="H68" s="69"/>
      <c r="I68" s="69"/>
      <c r="J68" s="69"/>
      <c r="K68" s="69"/>
      <c r="L68" s="69"/>
      <c r="M68" s="69"/>
      <c r="N68" s="69"/>
      <c r="O68" s="69"/>
      <c r="P68" s="69"/>
      <c r="Q68" s="69"/>
      <c r="R68" s="69"/>
      <c r="S68" s="69"/>
      <c r="T68" s="69"/>
      <c r="U68" s="69"/>
      <c r="V68" s="69"/>
      <c r="W68" s="69"/>
      <c r="X68" s="69"/>
      <c r="Y68" s="70"/>
      <c r="Z68" s="70"/>
      <c r="AA68" s="93"/>
    </row>
    <row r="69" spans="1:27" ht="20.25" thickBot="1">
      <c r="A69" s="71"/>
      <c r="B69" s="65" t="s">
        <v>214</v>
      </c>
      <c r="C69" s="68" t="s">
        <v>471</v>
      </c>
      <c r="D69" s="69"/>
      <c r="E69" s="69"/>
      <c r="F69" s="69"/>
      <c r="G69" s="69"/>
      <c r="H69" s="69"/>
      <c r="I69" s="69"/>
      <c r="J69" s="69"/>
      <c r="K69" s="69"/>
      <c r="L69" s="69"/>
      <c r="M69" s="69"/>
      <c r="N69" s="69"/>
      <c r="O69" s="69"/>
      <c r="P69" s="69"/>
      <c r="Q69" s="69"/>
      <c r="R69" s="69"/>
      <c r="S69" s="69"/>
      <c r="T69" s="69"/>
      <c r="U69" s="69"/>
      <c r="V69" s="69"/>
      <c r="W69" s="69"/>
      <c r="X69" s="69"/>
      <c r="Y69" s="70"/>
      <c r="Z69" s="70"/>
      <c r="AA69" s="93"/>
    </row>
    <row r="70" spans="1:27" ht="20.25" thickBot="1">
      <c r="A70" s="71"/>
      <c r="B70" s="65" t="s">
        <v>215</v>
      </c>
      <c r="C70" s="68" t="s">
        <v>472</v>
      </c>
      <c r="D70" s="69"/>
      <c r="E70" s="69"/>
      <c r="F70" s="69"/>
      <c r="G70" s="69"/>
      <c r="H70" s="69"/>
      <c r="I70" s="69"/>
      <c r="J70" s="69"/>
      <c r="K70" s="69"/>
      <c r="L70" s="69"/>
      <c r="M70" s="69"/>
      <c r="N70" s="69"/>
      <c r="O70" s="69"/>
      <c r="P70" s="69"/>
      <c r="Q70" s="69"/>
      <c r="R70" s="69"/>
      <c r="S70" s="69"/>
      <c r="T70" s="69"/>
      <c r="U70" s="69"/>
      <c r="V70" s="69"/>
      <c r="W70" s="69"/>
      <c r="X70" s="69"/>
      <c r="Y70" s="70"/>
      <c r="Z70" s="70"/>
      <c r="AA70" s="93"/>
    </row>
    <row r="71" spans="1:27" ht="20.25" thickBot="1">
      <c r="A71" s="71"/>
      <c r="B71" s="65" t="s">
        <v>216</v>
      </c>
      <c r="C71" s="68" t="s">
        <v>473</v>
      </c>
      <c r="D71" s="69"/>
      <c r="E71" s="69"/>
      <c r="F71" s="69"/>
      <c r="G71" s="69"/>
      <c r="H71" s="69"/>
      <c r="I71" s="69"/>
      <c r="J71" s="69"/>
      <c r="K71" s="69"/>
      <c r="L71" s="69"/>
      <c r="M71" s="69"/>
      <c r="N71" s="69"/>
      <c r="O71" s="69"/>
      <c r="P71" s="69"/>
      <c r="Q71" s="69"/>
      <c r="R71" s="69"/>
      <c r="S71" s="69"/>
      <c r="T71" s="69"/>
      <c r="U71" s="69"/>
      <c r="V71" s="69"/>
      <c r="W71" s="69"/>
      <c r="X71" s="69"/>
      <c r="Y71" s="70"/>
      <c r="Z71" s="70"/>
      <c r="AA71" s="93"/>
    </row>
    <row r="72" spans="1:27" ht="20.25" thickBot="1">
      <c r="A72" s="71"/>
      <c r="B72" s="65" t="s">
        <v>217</v>
      </c>
      <c r="C72" s="68" t="s">
        <v>474</v>
      </c>
      <c r="D72" s="69"/>
      <c r="E72" s="69"/>
      <c r="F72" s="69"/>
      <c r="G72" s="69"/>
      <c r="H72" s="69"/>
      <c r="I72" s="69"/>
      <c r="J72" s="69"/>
      <c r="K72" s="69"/>
      <c r="L72" s="69"/>
      <c r="M72" s="69"/>
      <c r="N72" s="69"/>
      <c r="O72" s="69"/>
      <c r="P72" s="69"/>
      <c r="Q72" s="69"/>
      <c r="R72" s="69"/>
      <c r="S72" s="69"/>
      <c r="T72" s="69"/>
      <c r="U72" s="69"/>
      <c r="V72" s="69"/>
      <c r="W72" s="69"/>
      <c r="X72" s="69"/>
      <c r="Y72" s="70"/>
      <c r="Z72" s="70"/>
      <c r="AA72" s="93"/>
    </row>
    <row r="73" spans="1:27" ht="20.25" thickBot="1">
      <c r="A73" s="71"/>
      <c r="B73" s="65" t="s">
        <v>243</v>
      </c>
      <c r="C73" s="68" t="s">
        <v>475</v>
      </c>
      <c r="D73" s="69"/>
      <c r="E73" s="69"/>
      <c r="F73" s="69"/>
      <c r="G73" s="69"/>
      <c r="H73" s="69"/>
      <c r="I73" s="69"/>
      <c r="J73" s="69"/>
      <c r="K73" s="69"/>
      <c r="L73" s="69"/>
      <c r="M73" s="69"/>
      <c r="N73" s="69"/>
      <c r="O73" s="69"/>
      <c r="P73" s="69"/>
      <c r="Q73" s="69"/>
      <c r="R73" s="69"/>
      <c r="S73" s="69"/>
      <c r="T73" s="69"/>
      <c r="U73" s="69"/>
      <c r="V73" s="69"/>
      <c r="W73" s="69"/>
      <c r="X73" s="69"/>
      <c r="Y73" s="70"/>
      <c r="Z73" s="70"/>
      <c r="AA73" s="93"/>
    </row>
    <row r="74" spans="1:27" ht="20.25" thickBot="1">
      <c r="A74" s="72"/>
      <c r="B74" s="65" t="s">
        <v>245</v>
      </c>
      <c r="C74" s="68" t="s">
        <v>476</v>
      </c>
      <c r="D74" s="69"/>
      <c r="E74" s="69"/>
      <c r="F74" s="69"/>
      <c r="G74" s="69"/>
      <c r="H74" s="69"/>
      <c r="I74" s="69"/>
      <c r="J74" s="69"/>
      <c r="K74" s="69"/>
      <c r="L74" s="69"/>
      <c r="M74" s="69"/>
      <c r="N74" s="69"/>
      <c r="O74" s="69"/>
      <c r="P74" s="69"/>
      <c r="Q74" s="69"/>
      <c r="R74" s="69"/>
      <c r="S74" s="69"/>
      <c r="T74" s="69"/>
      <c r="U74" s="69"/>
      <c r="V74" s="69"/>
      <c r="W74" s="69"/>
      <c r="X74" s="69"/>
      <c r="Y74" s="70"/>
      <c r="Z74" s="70"/>
      <c r="AA74" s="93"/>
    </row>
    <row r="75" spans="1:27" ht="20.25" thickBot="1">
      <c r="A75" s="73"/>
      <c r="B75" s="65" t="s">
        <v>232</v>
      </c>
      <c r="C75" s="68" t="s">
        <v>219</v>
      </c>
      <c r="D75" s="69"/>
      <c r="E75" s="69"/>
      <c r="F75" s="69"/>
      <c r="G75" s="69"/>
      <c r="H75" s="69"/>
      <c r="I75" s="69"/>
      <c r="J75" s="69"/>
      <c r="K75" s="69"/>
      <c r="L75" s="69"/>
      <c r="M75" s="69"/>
      <c r="N75" s="69"/>
      <c r="O75" s="69"/>
      <c r="P75" s="69"/>
      <c r="Q75" s="69"/>
      <c r="R75" s="69"/>
      <c r="S75" s="69"/>
      <c r="T75" s="69"/>
      <c r="U75" s="69"/>
      <c r="V75" s="69"/>
      <c r="W75" s="69"/>
      <c r="X75" s="69"/>
      <c r="Y75" s="70"/>
      <c r="Z75" s="70"/>
      <c r="AA75" s="93"/>
    </row>
    <row r="76" spans="1:27" ht="20.25" thickBot="1">
      <c r="A76" s="71"/>
      <c r="B76" s="65" t="s">
        <v>233</v>
      </c>
      <c r="C76" s="68" t="s">
        <v>220</v>
      </c>
      <c r="D76" s="69"/>
      <c r="E76" s="69"/>
      <c r="F76" s="69"/>
      <c r="G76" s="69"/>
      <c r="H76" s="69"/>
      <c r="I76" s="69"/>
      <c r="J76" s="69"/>
      <c r="K76" s="69"/>
      <c r="L76" s="69"/>
      <c r="M76" s="69"/>
      <c r="N76" s="69"/>
      <c r="O76" s="69"/>
      <c r="P76" s="69"/>
      <c r="Q76" s="69"/>
      <c r="R76" s="69"/>
      <c r="S76" s="69"/>
      <c r="T76" s="69"/>
      <c r="U76" s="69"/>
      <c r="V76" s="69"/>
      <c r="W76" s="69"/>
      <c r="X76" s="69"/>
      <c r="Y76" s="70"/>
      <c r="Z76" s="70"/>
      <c r="AA76" s="93"/>
    </row>
    <row r="77" spans="1:27" ht="20.25" thickBot="1">
      <c r="A77" s="71"/>
      <c r="B77" s="65" t="s">
        <v>234</v>
      </c>
      <c r="C77" s="68" t="s">
        <v>221</v>
      </c>
      <c r="D77" s="69"/>
      <c r="E77" s="69"/>
      <c r="F77" s="69"/>
      <c r="G77" s="69"/>
      <c r="H77" s="69"/>
      <c r="I77" s="69"/>
      <c r="J77" s="69"/>
      <c r="K77" s="69"/>
      <c r="L77" s="69"/>
      <c r="M77" s="69"/>
      <c r="N77" s="69"/>
      <c r="O77" s="69"/>
      <c r="P77" s="69"/>
      <c r="Q77" s="69"/>
      <c r="R77" s="69"/>
      <c r="S77" s="69"/>
      <c r="T77" s="69"/>
      <c r="U77" s="69"/>
      <c r="V77" s="69"/>
      <c r="W77" s="69"/>
      <c r="X77" s="69"/>
      <c r="Y77" s="70"/>
      <c r="Z77" s="70"/>
      <c r="AA77" s="93"/>
    </row>
    <row r="78" spans="1:27" ht="20.25" thickBot="1">
      <c r="A78" s="71" t="s">
        <v>231</v>
      </c>
      <c r="B78" s="65" t="s">
        <v>235</v>
      </c>
      <c r="C78" s="68" t="s">
        <v>222</v>
      </c>
      <c r="D78" s="69"/>
      <c r="E78" s="69"/>
      <c r="F78" s="69"/>
      <c r="G78" s="69"/>
      <c r="H78" s="69"/>
      <c r="I78" s="69"/>
      <c r="J78" s="69"/>
      <c r="K78" s="69"/>
      <c r="L78" s="69"/>
      <c r="M78" s="69"/>
      <c r="N78" s="69"/>
      <c r="O78" s="69"/>
      <c r="P78" s="69"/>
      <c r="Q78" s="69"/>
      <c r="R78" s="69"/>
      <c r="S78" s="69"/>
      <c r="T78" s="69"/>
      <c r="U78" s="69"/>
      <c r="V78" s="69"/>
      <c r="W78" s="69"/>
      <c r="X78" s="69"/>
      <c r="Y78" s="70"/>
      <c r="Z78" s="70"/>
      <c r="AA78" s="93"/>
    </row>
    <row r="79" spans="1:27" ht="20.25" thickBot="1">
      <c r="A79" s="71"/>
      <c r="B79" s="65" t="s">
        <v>236</v>
      </c>
      <c r="C79" s="68" t="s">
        <v>223</v>
      </c>
      <c r="D79" s="69"/>
      <c r="E79" s="69"/>
      <c r="F79" s="69"/>
      <c r="G79" s="69"/>
      <c r="H79" s="69"/>
      <c r="I79" s="69"/>
      <c r="J79" s="69"/>
      <c r="K79" s="69"/>
      <c r="L79" s="69"/>
      <c r="M79" s="69"/>
      <c r="N79" s="69"/>
      <c r="O79" s="69"/>
      <c r="P79" s="69"/>
      <c r="Q79" s="69"/>
      <c r="R79" s="69"/>
      <c r="S79" s="69"/>
      <c r="T79" s="69"/>
      <c r="U79" s="69"/>
      <c r="V79" s="69"/>
      <c r="W79" s="69"/>
      <c r="X79" s="69"/>
      <c r="Y79" s="70"/>
      <c r="Z79" s="70"/>
      <c r="AA79" s="93"/>
    </row>
    <row r="80" spans="1:27" ht="20.25" thickBot="1">
      <c r="A80" s="67"/>
      <c r="B80" s="65" t="s">
        <v>237</v>
      </c>
      <c r="C80" s="68" t="s">
        <v>224</v>
      </c>
      <c r="D80" s="69"/>
      <c r="E80" s="69"/>
      <c r="F80" s="69"/>
      <c r="G80" s="69"/>
      <c r="H80" s="69"/>
      <c r="I80" s="69"/>
      <c r="J80" s="69"/>
      <c r="K80" s="69"/>
      <c r="L80" s="69"/>
      <c r="M80" s="69"/>
      <c r="N80" s="69"/>
      <c r="O80" s="69"/>
      <c r="P80" s="69"/>
      <c r="Q80" s="69"/>
      <c r="R80" s="69"/>
      <c r="S80" s="69"/>
      <c r="T80" s="69"/>
      <c r="U80" s="69"/>
      <c r="V80" s="69"/>
      <c r="W80" s="69"/>
      <c r="X80" s="69"/>
      <c r="Y80" s="70"/>
      <c r="Z80" s="70"/>
      <c r="AA80" s="93"/>
    </row>
    <row r="81" spans="1:27" ht="20.25" thickBot="1">
      <c r="A81" s="67"/>
      <c r="B81" s="65" t="s">
        <v>238</v>
      </c>
      <c r="C81" s="68" t="s">
        <v>225</v>
      </c>
      <c r="D81" s="69"/>
      <c r="E81" s="69"/>
      <c r="F81" s="69"/>
      <c r="G81" s="69"/>
      <c r="H81" s="69"/>
      <c r="I81" s="69"/>
      <c r="J81" s="69"/>
      <c r="K81" s="69"/>
      <c r="L81" s="69"/>
      <c r="M81" s="69"/>
      <c r="N81" s="69"/>
      <c r="O81" s="69"/>
      <c r="P81" s="69"/>
      <c r="Q81" s="69"/>
      <c r="R81" s="69"/>
      <c r="S81" s="69"/>
      <c r="T81" s="69"/>
      <c r="U81" s="69"/>
      <c r="V81" s="69"/>
      <c r="W81" s="69"/>
      <c r="X81" s="69"/>
      <c r="Y81" s="70"/>
      <c r="Z81" s="70"/>
      <c r="AA81" s="93"/>
    </row>
    <row r="82" spans="1:27" ht="20.25" thickBot="1">
      <c r="A82" s="74"/>
      <c r="B82" s="65" t="s">
        <v>239</v>
      </c>
      <c r="C82" s="75" t="s">
        <v>477</v>
      </c>
      <c r="D82" s="76"/>
      <c r="E82" s="76"/>
      <c r="F82" s="76"/>
      <c r="G82" s="76"/>
      <c r="H82" s="76"/>
      <c r="I82" s="76"/>
      <c r="J82" s="76"/>
      <c r="K82" s="76"/>
      <c r="L82" s="76"/>
      <c r="M82" s="76"/>
      <c r="N82" s="76"/>
      <c r="O82" s="76"/>
      <c r="P82" s="76"/>
      <c r="Q82" s="76"/>
      <c r="R82" s="76"/>
      <c r="S82" s="76"/>
      <c r="T82" s="76"/>
      <c r="U82" s="76"/>
      <c r="V82" s="76"/>
      <c r="W82" s="76"/>
      <c r="X82" s="76"/>
      <c r="Y82" s="77"/>
      <c r="Z82" s="77"/>
      <c r="AA82" s="94"/>
    </row>
    <row r="83" spans="1:27" ht="21">
      <c r="A83" s="87" t="s">
        <v>449</v>
      </c>
      <c r="B83" s="88"/>
      <c r="C83" s="87"/>
      <c r="D83" s="87"/>
      <c r="E83" s="87" t="s">
        <v>447</v>
      </c>
      <c r="F83" s="87"/>
      <c r="G83" s="87"/>
      <c r="H83" s="87"/>
      <c r="I83" s="87" t="s">
        <v>448</v>
      </c>
      <c r="J83" s="86"/>
    </row>
  </sheetData>
  <sheetProtection formatCells="0" insertRows="0" sort="0" autoFilter="0"/>
  <protectedRanges>
    <protectedRange algorithmName="SHA-512" hashValue="AdPL4F8gwzA7iGj7y4LM2B9CFvcJu/B6bRTU3Ru/dm1D1bzgQYz/bHAdwEOSd5Dsp39q/niOApwOUtTre3qgRQ==" saltValue="/FIgKmkHUu9BYx4d955Bkg==" spinCount="100000" sqref="B3:B60" name="範圍1"/>
  </protectedRanges>
  <mergeCells count="3">
    <mergeCell ref="A62:B62"/>
    <mergeCell ref="A1:Z1"/>
    <mergeCell ref="A61:AA61"/>
  </mergeCells>
  <phoneticPr fontId="3" type="noConversion"/>
  <dataValidations count="4">
    <dataValidation type="whole" allowBlank="1" showInputMessage="1" showErrorMessage="1" errorTitle="請輸入半形數字，如&quot;80000&quot;，勿輸入國字或其他符號" error="請輸入半形數字，如&quot;80000&quot;，勿輸入國字或逗點等其他符號" promptTitle="請輸入半形數字，如&quot;80000&quot;，勿輸入國字或其他符號" sqref="T3:T60 Y3:Y60">
      <formula1>0</formula1>
      <formula2>1000000</formula2>
    </dataValidation>
    <dataValidation type="whole" allowBlank="1" showInputMessage="1" showErrorMessage="1" errorTitle="請輸入7碼半形數字" error="請輸入7碼半形數字，如106年7月1日，請輸入1060701" sqref="S3:S60">
      <formula1>1040101</formula1>
      <formula2>1061231</formula2>
    </dataValidation>
    <dataValidation type="list" allowBlank="1" showInputMessage="1" showErrorMessage="1" error="本欄位為下拉式選單，請於選單內之選項擇一填入" sqref="M3:M60">
      <formula1>涉訟類別</formula1>
    </dataValidation>
    <dataValidation type="list" allowBlank="1" showInputMessage="1" showErrorMessage="1" error="本欄位為下拉式選單，請於選單內之選項擇一填入" sqref="N3:P60">
      <formula1>INDIRECT($M3)</formula1>
    </dataValidation>
  </dataValidations>
  <pageMargins left="0.70866141732283472" right="0.70866141732283472" top="0.55118110236220474" bottom="0.55118110236220474" header="0.31496062992125984" footer="0.31496062992125984"/>
  <pageSetup paperSize="8" scale="49" fitToHeight="0" orientation="landscape" r:id="rId1"/>
  <drawing r:id="rId2"/>
  <extLst>
    <ext xmlns:x14="http://schemas.microsoft.com/office/spreadsheetml/2009/9/main" uri="{CCE6A557-97BC-4b89-ADB6-D9C93CAAB3DF}">
      <x14:dataValidations xmlns:xm="http://schemas.microsoft.com/office/excel/2006/main" count="13">
        <x14:dataValidation type="list" allowBlank="1" showInputMessage="1" showErrorMessage="1" errorTitle="下拉式選單" error="本欄位為下拉式選單，請於選單內之選項擇一填入">
          <x14:formula1>
            <xm:f>工作表2!$C$3:$C$85</xm:f>
          </x14:formula1>
          <xm:sqref>B3:B4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C$3:$C$85</xm:f>
          </x14:formula1>
          <xm:sqref>B5:B60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O$3:$O$4</xm:f>
          </x14:formula1>
          <xm:sqref>L3:L60</xm:sqref>
        </x14:dataValidation>
        <x14:dataValidation type="list" allowBlank="1" showInputMessage="1" showErrorMessage="1" error="本欄位為下拉式選單，請於選單內之選項擇一填入">
          <x14:formula1>
            <xm:f>工作表2!$P$3:$P$4</xm:f>
          </x14:formula1>
          <xm:sqref>R3:R60</xm:sqref>
        </x14:dataValidation>
        <x14:dataValidation type="list" allowBlank="1" showInputMessage="1" showErrorMessage="1" error="本欄位為下拉式選單，請於選單內之選項擇一填入">
          <x14:formula1>
            <xm:f>工作表2!$T$3:$T$4</xm:f>
          </x14:formula1>
          <xm:sqref>V3:V60</xm:sqref>
        </x14:dataValidation>
        <x14:dataValidation type="list" allowBlank="1" showInputMessage="1" showErrorMessage="1" error="本欄位為下拉式選單，請於選單內之選項擇一填入">
          <x14:formula1>
            <xm:f>工作表2!$V$3:$V$7</xm:f>
          </x14:formula1>
          <xm:sqref>X3:X60</xm:sqref>
        </x14:dataValidation>
        <x14:dataValidation type="list" allowBlank="1" showInputMessage="1" showErrorMessage="1" error="本欄位為下拉式選單，請於選單內之選項擇一填入">
          <x14:formula1>
            <xm:f>工作表2!$S$3:$S$10</xm:f>
          </x14:formula1>
          <xm:sqref>U3:U60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H$3:$H$17</xm:f>
          </x14:formula1>
          <xm:sqref>I3:I60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E$3:$E$14</xm:f>
          </x14:formula1>
          <xm:sqref>F3:F60</xm:sqref>
        </x14:dataValidation>
        <x14:dataValidation type="list" allowBlank="1" showInputMessage="1" showErrorMessage="1" error="本欄位為下拉式選單，請於選單內之選項擇一填入">
          <x14:formula1>
            <xm:f>工作表2!$N$3:$N$9</xm:f>
          </x14:formula1>
          <xm:sqref>Q3:Q60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G$3:$G$6</xm:f>
          </x14:formula1>
          <xm:sqref>H3:H60</xm:sqref>
        </x14:dataValidation>
        <x14:dataValidation type="list" allowBlank="1" showInputMessage="1" showErrorMessage="1" error="本欄位為下拉式選單，請於選單內之選項擇一填入">
          <x14:formula1>
            <xm:f>工作表2!$U$3:$U$7</xm:f>
          </x14:formula1>
          <xm:sqref>W3:W60</xm:sqref>
        </x14:dataValidation>
        <x14:dataValidation type="list" allowBlank="1" showInputMessage="1" showErrorMessage="1" errorTitle="本欄位為下拉式選單" error="本欄位為下拉式選單，請於選單內之選項擇一填入">
          <x14:formula1>
            <xm:f>工作表2!$F$3:$F$116</xm:f>
          </x14:formula1>
          <xm:sqref>G3:G6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C117"/>
  <sheetViews>
    <sheetView topLeftCell="B1" zoomScale="70" zoomScaleNormal="70" workbookViewId="0">
      <selection activeCell="G7" sqref="G7"/>
    </sheetView>
  </sheetViews>
  <sheetFormatPr defaultRowHeight="16.5"/>
  <cols>
    <col min="3" max="3" width="22.375" customWidth="1"/>
    <col min="4" max="4" width="11.75" customWidth="1"/>
    <col min="5" max="5" width="12.875" customWidth="1"/>
    <col min="6" max="6" width="13" customWidth="1"/>
    <col min="7" max="7" width="15.25" customWidth="1"/>
    <col min="8" max="8" width="17.625" style="1" customWidth="1"/>
    <col min="9" max="9" width="15.25" customWidth="1"/>
    <col min="11" max="14" width="13.125" customWidth="1"/>
    <col min="17" max="17" width="14.5" customWidth="1"/>
    <col min="18" max="18" width="11.5" customWidth="1"/>
    <col min="19" max="19" width="10.875" customWidth="1"/>
    <col min="20" max="20" width="11.25" customWidth="1"/>
    <col min="21" max="21" width="22.625" customWidth="1"/>
    <col min="22" max="22" width="51.875" customWidth="1"/>
    <col min="24" max="24" width="54.125" customWidth="1"/>
    <col min="28" max="29" width="13.125" customWidth="1"/>
  </cols>
  <sheetData>
    <row r="1" spans="2:29" ht="17.25" thickBot="1">
      <c r="AB1" s="35" t="s">
        <v>247</v>
      </c>
      <c r="AC1" s="35" t="s">
        <v>248</v>
      </c>
    </row>
    <row r="2" spans="2:29" ht="148.5">
      <c r="B2" s="5" t="s">
        <v>8</v>
      </c>
      <c r="C2" s="6" t="s">
        <v>12</v>
      </c>
      <c r="D2" s="6" t="s">
        <v>11</v>
      </c>
      <c r="E2" s="7" t="s">
        <v>9</v>
      </c>
      <c r="F2" s="8" t="s">
        <v>0</v>
      </c>
      <c r="G2" s="9" t="s">
        <v>200</v>
      </c>
      <c r="H2" s="9" t="s">
        <v>102</v>
      </c>
      <c r="I2" s="9" t="s">
        <v>7</v>
      </c>
      <c r="J2" s="9" t="s">
        <v>10</v>
      </c>
      <c r="K2" s="9" t="s">
        <v>103</v>
      </c>
      <c r="L2" s="9" t="s">
        <v>246</v>
      </c>
      <c r="M2" s="9" t="s">
        <v>283</v>
      </c>
      <c r="N2" s="9" t="s">
        <v>249</v>
      </c>
      <c r="O2" s="7" t="s">
        <v>1</v>
      </c>
      <c r="P2" s="7" t="s">
        <v>2</v>
      </c>
      <c r="Q2" s="6" t="s">
        <v>282</v>
      </c>
      <c r="R2" s="7" t="s">
        <v>6</v>
      </c>
      <c r="S2" s="7" t="s">
        <v>3</v>
      </c>
      <c r="T2" s="7" t="s">
        <v>4</v>
      </c>
      <c r="U2" s="7" t="s">
        <v>410</v>
      </c>
      <c r="V2" s="6" t="s">
        <v>14</v>
      </c>
      <c r="W2" s="6" t="s">
        <v>13</v>
      </c>
      <c r="X2" s="7" t="s">
        <v>15</v>
      </c>
      <c r="Y2" s="10" t="s">
        <v>5</v>
      </c>
      <c r="AB2" s="35" t="s">
        <v>247</v>
      </c>
      <c r="AC2" s="35" t="s">
        <v>248</v>
      </c>
    </row>
    <row r="3" spans="2:29" ht="76.5" customHeight="1">
      <c r="B3" s="3"/>
      <c r="C3" s="13" t="s">
        <v>20</v>
      </c>
      <c r="D3" s="14"/>
      <c r="E3" s="11" t="s">
        <v>208</v>
      </c>
      <c r="F3" s="15" t="s">
        <v>274</v>
      </c>
      <c r="G3" s="36" t="s">
        <v>454</v>
      </c>
      <c r="H3" s="16" t="s">
        <v>451</v>
      </c>
      <c r="I3" s="16"/>
      <c r="J3" s="14" t="s">
        <v>202</v>
      </c>
      <c r="K3" s="14" t="s">
        <v>379</v>
      </c>
      <c r="L3" s="14" t="s">
        <v>247</v>
      </c>
      <c r="M3" s="25" t="s">
        <v>284</v>
      </c>
      <c r="N3" s="14" t="s">
        <v>250</v>
      </c>
      <c r="O3" s="14" t="s">
        <v>204</v>
      </c>
      <c r="P3" s="14" t="s">
        <v>204</v>
      </c>
      <c r="Q3" s="14"/>
      <c r="R3" s="82"/>
      <c r="S3" s="85" t="s">
        <v>232</v>
      </c>
      <c r="T3" s="83" t="s">
        <v>206</v>
      </c>
      <c r="U3" s="14" t="s">
        <v>412</v>
      </c>
      <c r="V3" s="14" t="s">
        <v>16</v>
      </c>
      <c r="W3" s="14"/>
      <c r="X3" s="14"/>
      <c r="Y3" s="29"/>
      <c r="AA3" s="31"/>
      <c r="AB3" s="31" t="s">
        <v>335</v>
      </c>
      <c r="AC3" s="25" t="s">
        <v>284</v>
      </c>
    </row>
    <row r="4" spans="2:29" ht="100.5" customHeight="1">
      <c r="B4" s="3"/>
      <c r="C4" s="13" t="s">
        <v>21</v>
      </c>
      <c r="D4" s="14"/>
      <c r="E4" s="11" t="s">
        <v>209</v>
      </c>
      <c r="F4" s="15" t="s">
        <v>275</v>
      </c>
      <c r="G4" s="36" t="s">
        <v>456</v>
      </c>
      <c r="H4" s="16" t="s">
        <v>256</v>
      </c>
      <c r="I4" s="16"/>
      <c r="J4" s="14" t="s">
        <v>203</v>
      </c>
      <c r="K4" s="14" t="s">
        <v>378</v>
      </c>
      <c r="L4" s="14" t="s">
        <v>248</v>
      </c>
      <c r="M4" s="25" t="s">
        <v>285</v>
      </c>
      <c r="N4" s="14" t="s">
        <v>251</v>
      </c>
      <c r="O4" s="14" t="s">
        <v>205</v>
      </c>
      <c r="P4" s="14" t="s">
        <v>205</v>
      </c>
      <c r="Q4" s="14"/>
      <c r="R4" s="82"/>
      <c r="S4" s="85" t="s">
        <v>233</v>
      </c>
      <c r="T4" s="83" t="s">
        <v>207</v>
      </c>
      <c r="U4" s="14" t="s">
        <v>413</v>
      </c>
      <c r="V4" s="14" t="s">
        <v>17</v>
      </c>
      <c r="W4" s="14"/>
      <c r="X4" s="14"/>
      <c r="Y4" s="29"/>
      <c r="AA4" s="31"/>
      <c r="AB4" s="31" t="s">
        <v>336</v>
      </c>
      <c r="AC4" s="25" t="s">
        <v>285</v>
      </c>
    </row>
    <row r="5" spans="2:29" ht="49.5">
      <c r="B5" s="3"/>
      <c r="C5" s="13" t="s">
        <v>22</v>
      </c>
      <c r="D5" s="14"/>
      <c r="E5" s="11" t="s">
        <v>210</v>
      </c>
      <c r="F5" s="15" t="s">
        <v>273</v>
      </c>
      <c r="G5" t="s">
        <v>458</v>
      </c>
      <c r="H5" s="16" t="s">
        <v>257</v>
      </c>
      <c r="I5" s="16"/>
      <c r="J5" s="14"/>
      <c r="K5" s="14"/>
      <c r="L5" s="14"/>
      <c r="M5" s="25" t="s">
        <v>286</v>
      </c>
      <c r="N5" s="14" t="s">
        <v>252</v>
      </c>
      <c r="O5" s="14"/>
      <c r="P5" s="14"/>
      <c r="Q5" s="14"/>
      <c r="R5" s="82"/>
      <c r="S5" s="85" t="s">
        <v>234</v>
      </c>
      <c r="T5" s="83"/>
      <c r="U5" s="14" t="s">
        <v>429</v>
      </c>
      <c r="V5" s="14" t="s">
        <v>18</v>
      </c>
      <c r="W5" s="14"/>
      <c r="X5" s="14"/>
      <c r="Y5" s="29"/>
      <c r="AA5" s="32"/>
      <c r="AB5" s="32" t="s">
        <v>337</v>
      </c>
      <c r="AC5" s="25" t="s">
        <v>286</v>
      </c>
    </row>
    <row r="6" spans="2:29" ht="91.5" customHeight="1">
      <c r="B6" s="3"/>
      <c r="C6" s="13" t="s">
        <v>23</v>
      </c>
      <c r="D6" s="14"/>
      <c r="E6" s="11" t="s">
        <v>211</v>
      </c>
      <c r="F6" s="15" t="s">
        <v>272</v>
      </c>
      <c r="G6" s="37" t="s">
        <v>436</v>
      </c>
      <c r="H6" s="16" t="s">
        <v>258</v>
      </c>
      <c r="I6" s="16"/>
      <c r="J6" s="14"/>
      <c r="K6" s="14"/>
      <c r="L6" s="14"/>
      <c r="M6" s="25" t="s">
        <v>287</v>
      </c>
      <c r="N6" s="14" t="s">
        <v>253</v>
      </c>
      <c r="O6" s="14"/>
      <c r="P6" s="14"/>
      <c r="Q6" s="14"/>
      <c r="R6" s="82"/>
      <c r="S6" s="85" t="s">
        <v>235</v>
      </c>
      <c r="T6" s="83"/>
      <c r="U6" s="17" t="s">
        <v>428</v>
      </c>
      <c r="V6" s="14" t="s">
        <v>19</v>
      </c>
      <c r="W6" s="14"/>
      <c r="X6" s="14"/>
      <c r="Y6" s="29"/>
      <c r="AA6" s="31"/>
      <c r="AB6" s="31" t="s">
        <v>338</v>
      </c>
      <c r="AC6" s="25" t="s">
        <v>287</v>
      </c>
    </row>
    <row r="7" spans="2:29" ht="90.75" customHeight="1">
      <c r="B7" s="3"/>
      <c r="C7" s="13" t="s">
        <v>24</v>
      </c>
      <c r="D7" s="14"/>
      <c r="E7" s="11" t="s">
        <v>212</v>
      </c>
      <c r="F7" s="15" t="s">
        <v>276</v>
      </c>
      <c r="G7" s="37"/>
      <c r="H7" s="16" t="s">
        <v>259</v>
      </c>
      <c r="I7" s="16"/>
      <c r="J7" s="14"/>
      <c r="K7" s="14"/>
      <c r="L7" s="14"/>
      <c r="M7" s="25" t="s">
        <v>288</v>
      </c>
      <c r="N7" s="14" t="s">
        <v>254</v>
      </c>
      <c r="O7" s="14"/>
      <c r="P7" s="14"/>
      <c r="Q7" s="14"/>
      <c r="R7" s="82"/>
      <c r="S7" s="85" t="s">
        <v>236</v>
      </c>
      <c r="T7" s="83"/>
      <c r="U7" s="17" t="s">
        <v>377</v>
      </c>
      <c r="V7" s="14" t="s">
        <v>226</v>
      </c>
      <c r="W7" s="14"/>
      <c r="X7" s="14"/>
      <c r="Y7" s="29"/>
      <c r="AA7" s="31"/>
      <c r="AB7" s="31" t="s">
        <v>339</v>
      </c>
      <c r="AC7" s="25" t="s">
        <v>288</v>
      </c>
    </row>
    <row r="8" spans="2:29" ht="31.5">
      <c r="B8" s="3"/>
      <c r="C8" s="13" t="s">
        <v>25</v>
      </c>
      <c r="D8" s="14"/>
      <c r="E8" s="11" t="s">
        <v>213</v>
      </c>
      <c r="F8" s="15" t="s">
        <v>277</v>
      </c>
      <c r="G8" s="21"/>
      <c r="H8" s="16" t="s">
        <v>260</v>
      </c>
      <c r="I8" s="16"/>
      <c r="J8" s="14"/>
      <c r="K8" s="14"/>
      <c r="L8" s="14"/>
      <c r="M8" s="25" t="s">
        <v>289</v>
      </c>
      <c r="N8" s="14" t="s">
        <v>255</v>
      </c>
      <c r="O8" s="14"/>
      <c r="P8" s="14"/>
      <c r="Q8" s="14"/>
      <c r="R8" s="82"/>
      <c r="S8" s="85" t="s">
        <v>237</v>
      </c>
      <c r="T8" s="83"/>
      <c r="U8" s="14"/>
      <c r="V8" s="17" t="s">
        <v>377</v>
      </c>
      <c r="W8" s="14"/>
      <c r="X8" s="14"/>
      <c r="Y8" s="29"/>
      <c r="AA8" s="31"/>
      <c r="AB8" s="31" t="s">
        <v>340</v>
      </c>
      <c r="AC8" s="25" t="s">
        <v>289</v>
      </c>
    </row>
    <row r="9" spans="2:29" ht="84" customHeight="1">
      <c r="B9" s="3"/>
      <c r="C9" s="13" t="s">
        <v>26</v>
      </c>
      <c r="D9" s="14"/>
      <c r="E9" s="11" t="s">
        <v>214</v>
      </c>
      <c r="F9" s="15" t="s">
        <v>278</v>
      </c>
      <c r="G9" s="17"/>
      <c r="H9" s="16" t="s">
        <v>261</v>
      </c>
      <c r="I9" s="16"/>
      <c r="J9" s="14"/>
      <c r="K9" s="14"/>
      <c r="L9" s="14"/>
      <c r="M9" s="25" t="s">
        <v>290</v>
      </c>
      <c r="N9" s="14" t="s">
        <v>391</v>
      </c>
      <c r="O9" s="14"/>
      <c r="P9" s="14"/>
      <c r="Q9" s="14"/>
      <c r="R9" s="82"/>
      <c r="S9" s="85" t="s">
        <v>238</v>
      </c>
      <c r="T9" s="83"/>
      <c r="U9" s="14"/>
      <c r="V9" s="14"/>
      <c r="W9" s="14"/>
      <c r="X9" s="14"/>
      <c r="Y9" s="29"/>
      <c r="AA9" s="31"/>
      <c r="AB9" s="31" t="s">
        <v>341</v>
      </c>
      <c r="AC9" s="25" t="s">
        <v>290</v>
      </c>
    </row>
    <row r="10" spans="2:29" ht="31.5">
      <c r="B10" s="3"/>
      <c r="C10" s="13" t="s">
        <v>27</v>
      </c>
      <c r="D10" s="14"/>
      <c r="E10" s="11" t="s">
        <v>215</v>
      </c>
      <c r="F10" s="15" t="s">
        <v>279</v>
      </c>
      <c r="G10" s="17"/>
      <c r="H10" s="16" t="s">
        <v>262</v>
      </c>
      <c r="I10" s="16"/>
      <c r="J10" s="14"/>
      <c r="K10" s="14"/>
      <c r="L10" s="14"/>
      <c r="M10" s="25" t="s">
        <v>291</v>
      </c>
      <c r="N10" s="14"/>
      <c r="O10" s="14"/>
      <c r="P10" s="14"/>
      <c r="Q10" s="14"/>
      <c r="R10" s="82"/>
      <c r="S10" s="85" t="s">
        <v>239</v>
      </c>
      <c r="T10" s="83"/>
      <c r="U10" s="14"/>
      <c r="V10" s="14"/>
      <c r="W10" s="14"/>
      <c r="X10" s="14"/>
      <c r="Y10" s="29"/>
      <c r="AA10" s="31"/>
      <c r="AB10" s="31" t="s">
        <v>342</v>
      </c>
      <c r="AC10" s="25" t="s">
        <v>291</v>
      </c>
    </row>
    <row r="11" spans="2:29" ht="33">
      <c r="B11" s="3"/>
      <c r="C11" s="13" t="s">
        <v>28</v>
      </c>
      <c r="D11" s="14"/>
      <c r="E11" s="11" t="s">
        <v>216</v>
      </c>
      <c r="F11" s="15" t="s">
        <v>280</v>
      </c>
      <c r="G11" s="17"/>
      <c r="H11" s="16" t="s">
        <v>263</v>
      </c>
      <c r="I11" s="16"/>
      <c r="J11" s="14"/>
      <c r="K11" s="14"/>
      <c r="L11" s="14"/>
      <c r="M11" s="25" t="s">
        <v>292</v>
      </c>
      <c r="N11" s="14"/>
      <c r="O11" s="14"/>
      <c r="P11" s="14"/>
      <c r="Q11" s="14"/>
      <c r="R11" s="14"/>
      <c r="S11" s="84"/>
      <c r="T11" s="14"/>
      <c r="U11" s="14"/>
      <c r="V11" s="14"/>
      <c r="W11" s="14"/>
      <c r="X11" s="14"/>
      <c r="Y11" s="29"/>
      <c r="AA11" s="31"/>
      <c r="AB11" s="31" t="s">
        <v>343</v>
      </c>
      <c r="AC11" s="25" t="s">
        <v>292</v>
      </c>
    </row>
    <row r="12" spans="2:29" ht="31.5">
      <c r="B12" s="3"/>
      <c r="C12" s="13" t="s">
        <v>95</v>
      </c>
      <c r="D12" s="14"/>
      <c r="E12" s="11" t="s">
        <v>217</v>
      </c>
      <c r="F12" s="15" t="s">
        <v>281</v>
      </c>
      <c r="G12" s="17"/>
      <c r="H12" s="16" t="s">
        <v>264</v>
      </c>
      <c r="I12" s="16"/>
      <c r="J12" s="14"/>
      <c r="K12" s="14"/>
      <c r="L12" s="14"/>
      <c r="M12" s="25" t="s">
        <v>293</v>
      </c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29"/>
      <c r="AA12" s="31"/>
      <c r="AB12" s="31" t="s">
        <v>344</v>
      </c>
      <c r="AC12" s="25" t="s">
        <v>293</v>
      </c>
    </row>
    <row r="13" spans="2:29" ht="31.5">
      <c r="B13" s="3"/>
      <c r="C13" s="13" t="s">
        <v>29</v>
      </c>
      <c r="D13" s="14"/>
      <c r="E13" s="11" t="s">
        <v>218</v>
      </c>
      <c r="F13" s="15" t="s">
        <v>434</v>
      </c>
      <c r="G13" s="17"/>
      <c r="H13" s="16" t="s">
        <v>265</v>
      </c>
      <c r="I13" s="16"/>
      <c r="J13" s="14"/>
      <c r="K13" s="14"/>
      <c r="L13" s="14"/>
      <c r="M13" s="25" t="s">
        <v>294</v>
      </c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29"/>
      <c r="AA13" s="31"/>
      <c r="AB13" s="31" t="s">
        <v>345</v>
      </c>
      <c r="AC13" s="25" t="s">
        <v>294</v>
      </c>
    </row>
    <row r="14" spans="2:29">
      <c r="B14" s="3"/>
      <c r="C14" s="13" t="s">
        <v>30</v>
      </c>
      <c r="D14" s="14"/>
      <c r="E14" s="11" t="s">
        <v>244</v>
      </c>
      <c r="F14" s="15" t="s">
        <v>104</v>
      </c>
      <c r="G14" s="18"/>
      <c r="H14" s="16" t="s">
        <v>266</v>
      </c>
      <c r="I14" s="16"/>
      <c r="J14" s="14"/>
      <c r="K14" s="14"/>
      <c r="L14" s="14"/>
      <c r="M14" s="25" t="s">
        <v>295</v>
      </c>
      <c r="N14" s="14"/>
      <c r="O14" s="14"/>
      <c r="P14" s="14"/>
      <c r="Q14" s="14"/>
      <c r="R14" s="14"/>
      <c r="S14" s="14"/>
      <c r="T14" s="14"/>
      <c r="U14" s="14"/>
      <c r="V14" s="14"/>
      <c r="W14" s="14"/>
      <c r="X14" s="14"/>
      <c r="Y14" s="29"/>
      <c r="AA14" s="31"/>
      <c r="AB14" s="31" t="s">
        <v>346</v>
      </c>
      <c r="AC14" s="25" t="s">
        <v>295</v>
      </c>
    </row>
    <row r="15" spans="2:29">
      <c r="B15" s="3"/>
      <c r="C15" s="13" t="s">
        <v>31</v>
      </c>
      <c r="D15" s="14"/>
      <c r="E15" s="14"/>
      <c r="F15" s="15" t="s">
        <v>105</v>
      </c>
      <c r="G15" s="13"/>
      <c r="H15" s="16" t="s">
        <v>267</v>
      </c>
      <c r="I15" s="16"/>
      <c r="J15" s="14"/>
      <c r="K15" s="14"/>
      <c r="L15" s="14"/>
      <c r="M15" s="25" t="s">
        <v>296</v>
      </c>
      <c r="N15" s="14"/>
      <c r="O15" s="14"/>
      <c r="P15" s="14"/>
      <c r="Q15" s="14"/>
      <c r="R15" s="14"/>
      <c r="S15" s="14"/>
      <c r="T15" s="14"/>
      <c r="U15" s="14"/>
      <c r="V15" s="14"/>
      <c r="W15" s="14"/>
      <c r="X15" s="14"/>
      <c r="Y15" s="29"/>
      <c r="AA15" s="31"/>
      <c r="AB15" s="31" t="s">
        <v>347</v>
      </c>
      <c r="AC15" s="25" t="s">
        <v>296</v>
      </c>
    </row>
    <row r="16" spans="2:29">
      <c r="B16" s="3"/>
      <c r="C16" s="13" t="s">
        <v>32</v>
      </c>
      <c r="D16" s="14"/>
      <c r="E16" s="14"/>
      <c r="F16" s="15" t="s">
        <v>106</v>
      </c>
      <c r="G16" s="18"/>
      <c r="H16" s="16" t="s">
        <v>268</v>
      </c>
      <c r="I16" s="16"/>
      <c r="J16" s="14"/>
      <c r="K16" s="14"/>
      <c r="L16" s="14"/>
      <c r="M16" s="25" t="s">
        <v>297</v>
      </c>
      <c r="N16" s="14"/>
      <c r="O16" s="14"/>
      <c r="P16" s="14"/>
      <c r="Q16" s="14"/>
      <c r="R16" s="14"/>
      <c r="S16" s="14"/>
      <c r="T16" s="14"/>
      <c r="U16" s="14"/>
      <c r="V16" s="14"/>
      <c r="W16" s="14"/>
      <c r="X16" s="14"/>
      <c r="Y16" s="29"/>
      <c r="AA16" s="31"/>
      <c r="AB16" s="31" t="s">
        <v>348</v>
      </c>
      <c r="AC16" s="25" t="s">
        <v>297</v>
      </c>
    </row>
    <row r="17" spans="2:29">
      <c r="B17" s="3"/>
      <c r="C17" s="13" t="s">
        <v>33</v>
      </c>
      <c r="D17" s="14"/>
      <c r="E17" s="14"/>
      <c r="F17" s="15" t="s">
        <v>107</v>
      </c>
      <c r="G17" s="18"/>
      <c r="H17" s="12" t="s">
        <v>398</v>
      </c>
      <c r="I17" s="16"/>
      <c r="J17" s="14"/>
      <c r="K17" s="14"/>
      <c r="L17" s="14"/>
      <c r="M17" s="25" t="s">
        <v>298</v>
      </c>
      <c r="N17" s="14"/>
      <c r="O17" s="14"/>
      <c r="P17" s="14"/>
      <c r="Q17" s="14"/>
      <c r="R17" s="14"/>
      <c r="S17" s="14"/>
      <c r="T17" s="14"/>
      <c r="U17" s="14"/>
      <c r="V17" s="14"/>
      <c r="W17" s="14"/>
      <c r="X17" s="14"/>
      <c r="Y17" s="29"/>
      <c r="AA17" s="31"/>
      <c r="AB17" s="31" t="s">
        <v>349</v>
      </c>
      <c r="AC17" s="25" t="s">
        <v>298</v>
      </c>
    </row>
    <row r="18" spans="2:29">
      <c r="B18" s="3"/>
      <c r="C18" s="13" t="s">
        <v>96</v>
      </c>
      <c r="D18" s="14"/>
      <c r="E18" s="14"/>
      <c r="F18" s="15" t="s">
        <v>108</v>
      </c>
      <c r="G18" s="18"/>
      <c r="H18" s="16"/>
      <c r="I18" s="16"/>
      <c r="J18" s="14"/>
      <c r="K18" s="14"/>
      <c r="L18" s="14"/>
      <c r="M18" s="25" t="s">
        <v>299</v>
      </c>
      <c r="N18" s="14"/>
      <c r="O18" s="14"/>
      <c r="P18" s="14"/>
      <c r="Q18" s="14"/>
      <c r="R18" s="14"/>
      <c r="S18" s="14"/>
      <c r="T18" s="14"/>
      <c r="U18" s="14"/>
      <c r="V18" s="14"/>
      <c r="W18" s="14"/>
      <c r="X18" s="14"/>
      <c r="Y18" s="29"/>
      <c r="AA18" s="31"/>
      <c r="AB18" s="31" t="s">
        <v>350</v>
      </c>
      <c r="AC18" s="25" t="s">
        <v>299</v>
      </c>
    </row>
    <row r="19" spans="2:29">
      <c r="B19" s="3"/>
      <c r="C19" s="13" t="s">
        <v>34</v>
      </c>
      <c r="D19" s="14"/>
      <c r="E19" s="14"/>
      <c r="F19" s="15" t="s">
        <v>109</v>
      </c>
      <c r="G19" s="18"/>
      <c r="H19" s="16"/>
      <c r="I19" s="16"/>
      <c r="J19" s="14"/>
      <c r="K19" s="14"/>
      <c r="L19" s="14"/>
      <c r="M19" s="25" t="s">
        <v>300</v>
      </c>
      <c r="N19" s="14"/>
      <c r="O19" s="14"/>
      <c r="P19" s="14"/>
      <c r="Q19" s="14"/>
      <c r="R19" s="14"/>
      <c r="S19" s="14"/>
      <c r="T19" s="14"/>
      <c r="U19" s="14"/>
      <c r="V19" s="14"/>
      <c r="W19" s="14"/>
      <c r="X19" s="14"/>
      <c r="Y19" s="29"/>
      <c r="AA19" s="31"/>
      <c r="AB19" s="31" t="s">
        <v>351</v>
      </c>
      <c r="AC19" s="25" t="s">
        <v>300</v>
      </c>
    </row>
    <row r="20" spans="2:29">
      <c r="B20" s="3"/>
      <c r="C20" s="13" t="s">
        <v>97</v>
      </c>
      <c r="D20" s="14"/>
      <c r="E20" s="14"/>
      <c r="F20" s="15" t="s">
        <v>110</v>
      </c>
      <c r="G20" s="14"/>
      <c r="H20" s="16"/>
      <c r="I20" s="19"/>
      <c r="J20" s="14"/>
      <c r="K20" s="14"/>
      <c r="L20" s="14"/>
      <c r="M20" s="25" t="s">
        <v>301</v>
      </c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29"/>
      <c r="AA20" s="31"/>
      <c r="AB20" s="31" t="s">
        <v>352</v>
      </c>
      <c r="AC20" s="25" t="s">
        <v>301</v>
      </c>
    </row>
    <row r="21" spans="2:29">
      <c r="B21" s="3"/>
      <c r="C21" s="13" t="s">
        <v>35</v>
      </c>
      <c r="D21" s="14"/>
      <c r="E21" s="14"/>
      <c r="F21" s="15" t="s">
        <v>104</v>
      </c>
      <c r="G21" s="14"/>
      <c r="H21" s="18"/>
      <c r="I21" s="16"/>
      <c r="J21" s="14"/>
      <c r="K21" s="14"/>
      <c r="L21" s="14"/>
      <c r="M21" s="25" t="s">
        <v>302</v>
      </c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29"/>
      <c r="AA21" s="31"/>
      <c r="AB21" s="31" t="s">
        <v>353</v>
      </c>
      <c r="AC21" s="25" t="s">
        <v>302</v>
      </c>
    </row>
    <row r="22" spans="2:29">
      <c r="B22" s="3"/>
      <c r="C22" s="13" t="s">
        <v>36</v>
      </c>
      <c r="D22" s="14"/>
      <c r="E22" s="14"/>
      <c r="F22" s="15" t="s">
        <v>105</v>
      </c>
      <c r="G22" s="14"/>
      <c r="H22" s="13"/>
      <c r="I22" s="19"/>
      <c r="J22" s="14"/>
      <c r="K22" s="14"/>
      <c r="L22" s="14"/>
      <c r="M22" s="25" t="s">
        <v>303</v>
      </c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29"/>
      <c r="AA22" s="33"/>
      <c r="AB22" s="33" t="s">
        <v>354</v>
      </c>
      <c r="AC22" s="25" t="s">
        <v>303</v>
      </c>
    </row>
    <row r="23" spans="2:29">
      <c r="B23" s="3"/>
      <c r="C23" s="13" t="s">
        <v>98</v>
      </c>
      <c r="D23" s="14"/>
      <c r="E23" s="14"/>
      <c r="F23" s="15" t="s">
        <v>106</v>
      </c>
      <c r="G23" s="14"/>
      <c r="H23" s="14"/>
      <c r="I23" s="16"/>
      <c r="J23" s="14"/>
      <c r="K23" s="14"/>
      <c r="L23" s="14"/>
      <c r="M23" s="25" t="s">
        <v>304</v>
      </c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29"/>
      <c r="AA23" s="32"/>
      <c r="AB23" s="32" t="s">
        <v>355</v>
      </c>
      <c r="AC23" s="25" t="s">
        <v>304</v>
      </c>
    </row>
    <row r="24" spans="2:29" ht="33">
      <c r="B24" s="3"/>
      <c r="C24" s="13" t="s">
        <v>37</v>
      </c>
      <c r="D24" s="14"/>
      <c r="E24" s="14"/>
      <c r="F24" s="15" t="s">
        <v>107</v>
      </c>
      <c r="G24" s="14"/>
      <c r="H24" s="14"/>
      <c r="I24" s="19"/>
      <c r="J24" s="14"/>
      <c r="K24" s="14"/>
      <c r="L24" s="14"/>
      <c r="M24" s="25" t="s">
        <v>305</v>
      </c>
      <c r="N24" s="14"/>
      <c r="O24" s="14"/>
      <c r="P24" s="14"/>
      <c r="Q24" s="14"/>
      <c r="R24" s="14"/>
      <c r="S24" s="14"/>
      <c r="T24" s="14"/>
      <c r="U24" s="14"/>
      <c r="V24" s="14"/>
      <c r="W24" s="14"/>
      <c r="X24" s="14"/>
      <c r="Y24" s="29"/>
      <c r="AA24" s="31"/>
      <c r="AB24" s="31" t="s">
        <v>356</v>
      </c>
      <c r="AC24" s="25" t="s">
        <v>305</v>
      </c>
    </row>
    <row r="25" spans="2:29" ht="33">
      <c r="B25" s="3"/>
      <c r="C25" s="13" t="s">
        <v>99</v>
      </c>
      <c r="D25" s="14"/>
      <c r="E25" s="14"/>
      <c r="F25" s="15" t="s">
        <v>108</v>
      </c>
      <c r="G25" s="14"/>
      <c r="H25" s="14"/>
      <c r="I25" s="14"/>
      <c r="J25" s="14"/>
      <c r="K25" s="14"/>
      <c r="L25" s="14"/>
      <c r="M25" s="25" t="s">
        <v>306</v>
      </c>
      <c r="N25" s="14"/>
      <c r="O25" s="14"/>
      <c r="P25" s="14"/>
      <c r="Q25" s="14"/>
      <c r="R25" s="14"/>
      <c r="S25" s="14"/>
      <c r="T25" s="14"/>
      <c r="U25" s="14"/>
      <c r="V25" s="14"/>
      <c r="W25" s="14"/>
      <c r="X25" s="14"/>
      <c r="Y25" s="29"/>
      <c r="AA25" s="31"/>
      <c r="AB25" s="31" t="s">
        <v>357</v>
      </c>
      <c r="AC25" s="25" t="s">
        <v>306</v>
      </c>
    </row>
    <row r="26" spans="2:29">
      <c r="B26" s="3"/>
      <c r="C26" s="13" t="s">
        <v>38</v>
      </c>
      <c r="D26" s="14"/>
      <c r="E26" s="14"/>
      <c r="F26" s="15" t="s">
        <v>109</v>
      </c>
      <c r="G26" s="14"/>
      <c r="H26" s="14"/>
      <c r="I26" s="14"/>
      <c r="J26" s="14"/>
      <c r="K26" s="14"/>
      <c r="L26" s="14"/>
      <c r="M26" s="25" t="s">
        <v>307</v>
      </c>
      <c r="N26" s="14"/>
      <c r="O26" s="14"/>
      <c r="P26" s="14"/>
      <c r="Q26" s="14"/>
      <c r="R26" s="14"/>
      <c r="S26" s="14"/>
      <c r="T26" s="14"/>
      <c r="U26" s="14"/>
      <c r="V26" s="14"/>
      <c r="W26" s="14"/>
      <c r="X26" s="14"/>
      <c r="Y26" s="29"/>
      <c r="AA26" s="31"/>
      <c r="AB26" s="31" t="s">
        <v>358</v>
      </c>
      <c r="AC26" s="25" t="s">
        <v>307</v>
      </c>
    </row>
    <row r="27" spans="2:29">
      <c r="B27" s="3"/>
      <c r="C27" s="13" t="s">
        <v>39</v>
      </c>
      <c r="D27" s="14"/>
      <c r="E27" s="14"/>
      <c r="F27" s="15" t="s">
        <v>110</v>
      </c>
      <c r="G27" s="14"/>
      <c r="H27" s="14"/>
      <c r="I27" s="14"/>
      <c r="J27" s="14"/>
      <c r="K27" s="14"/>
      <c r="L27" s="14"/>
      <c r="M27" s="25" t="s">
        <v>308</v>
      </c>
      <c r="N27" s="14"/>
      <c r="O27" s="14"/>
      <c r="P27" s="14"/>
      <c r="Q27" s="14"/>
      <c r="R27" s="14"/>
      <c r="S27" s="14"/>
      <c r="T27" s="14"/>
      <c r="U27" s="14"/>
      <c r="V27" s="14"/>
      <c r="W27" s="14"/>
      <c r="X27" s="14"/>
      <c r="Y27" s="29"/>
      <c r="AA27" s="31"/>
      <c r="AB27" s="31" t="s">
        <v>359</v>
      </c>
      <c r="AC27" s="25" t="s">
        <v>308</v>
      </c>
    </row>
    <row r="28" spans="2:29">
      <c r="B28" s="3"/>
      <c r="C28" s="13" t="s">
        <v>40</v>
      </c>
      <c r="D28" s="14"/>
      <c r="E28" s="14"/>
      <c r="F28" s="15" t="s">
        <v>111</v>
      </c>
      <c r="G28" s="14"/>
      <c r="H28" s="14"/>
      <c r="I28" s="14"/>
      <c r="J28" s="14"/>
      <c r="K28" s="14"/>
      <c r="L28" s="14"/>
      <c r="M28" s="25" t="s">
        <v>309</v>
      </c>
      <c r="N28" s="14"/>
      <c r="O28" s="14"/>
      <c r="P28" s="14"/>
      <c r="Q28" s="14"/>
      <c r="R28" s="14"/>
      <c r="S28" s="14"/>
      <c r="T28" s="14"/>
      <c r="U28" s="14"/>
      <c r="V28" s="14"/>
      <c r="W28" s="14"/>
      <c r="X28" s="14"/>
      <c r="Y28" s="29"/>
      <c r="AA28" s="31"/>
      <c r="AB28" s="31" t="s">
        <v>360</v>
      </c>
      <c r="AC28" s="25" t="s">
        <v>309</v>
      </c>
    </row>
    <row r="29" spans="2:29" ht="33">
      <c r="B29" s="3"/>
      <c r="C29" s="13" t="s">
        <v>41</v>
      </c>
      <c r="D29" s="14"/>
      <c r="E29" s="14"/>
      <c r="F29" s="15" t="s">
        <v>112</v>
      </c>
      <c r="G29" s="14"/>
      <c r="H29" s="14"/>
      <c r="I29" s="14"/>
      <c r="J29" s="14"/>
      <c r="K29" s="14"/>
      <c r="L29" s="14"/>
      <c r="M29" s="25" t="s">
        <v>310</v>
      </c>
      <c r="N29" s="14"/>
      <c r="O29" s="14"/>
      <c r="P29" s="14"/>
      <c r="Q29" s="14"/>
      <c r="R29" s="14"/>
      <c r="S29" s="14"/>
      <c r="T29" s="14"/>
      <c r="U29" s="14"/>
      <c r="V29" s="14"/>
      <c r="W29" s="14"/>
      <c r="X29" s="14"/>
      <c r="Y29" s="29"/>
      <c r="AA29" s="31"/>
      <c r="AB29" s="31" t="s">
        <v>361</v>
      </c>
      <c r="AC29" s="25" t="s">
        <v>310</v>
      </c>
    </row>
    <row r="30" spans="2:29" ht="33">
      <c r="B30" s="3"/>
      <c r="C30" s="13" t="s">
        <v>42</v>
      </c>
      <c r="D30" s="14"/>
      <c r="E30" s="14"/>
      <c r="F30" s="15" t="s">
        <v>113</v>
      </c>
      <c r="G30" s="14"/>
      <c r="H30" s="14"/>
      <c r="I30" s="14"/>
      <c r="J30" s="14"/>
      <c r="K30" s="14"/>
      <c r="L30" s="14"/>
      <c r="M30" s="25" t="s">
        <v>311</v>
      </c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14"/>
      <c r="Y30" s="29"/>
      <c r="AA30" s="31"/>
      <c r="AB30" s="31" t="s">
        <v>362</v>
      </c>
      <c r="AC30" s="25" t="s">
        <v>311</v>
      </c>
    </row>
    <row r="31" spans="2:29">
      <c r="B31" s="4"/>
      <c r="C31" s="24" t="s">
        <v>100</v>
      </c>
      <c r="D31" s="25"/>
      <c r="E31" s="25"/>
      <c r="F31" s="15" t="s">
        <v>114</v>
      </c>
      <c r="G31" s="14"/>
      <c r="H31" s="14"/>
      <c r="I31" s="25"/>
      <c r="J31" s="25"/>
      <c r="K31" s="25"/>
      <c r="L31" s="25"/>
      <c r="M31" s="25" t="s">
        <v>312</v>
      </c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30"/>
      <c r="AA31" s="31"/>
      <c r="AB31" s="31" t="s">
        <v>363</v>
      </c>
      <c r="AC31" s="25" t="s">
        <v>312</v>
      </c>
    </row>
    <row r="32" spans="2:29">
      <c r="B32" s="4"/>
      <c r="C32" s="24" t="s">
        <v>43</v>
      </c>
      <c r="D32" s="25"/>
      <c r="E32" s="25"/>
      <c r="F32" s="15" t="s">
        <v>115</v>
      </c>
      <c r="G32" s="14"/>
      <c r="H32" s="14"/>
      <c r="I32" s="25"/>
      <c r="J32" s="25"/>
      <c r="K32" s="25"/>
      <c r="L32" s="25"/>
      <c r="M32" s="25" t="s">
        <v>313</v>
      </c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30"/>
      <c r="AA32" s="31"/>
      <c r="AB32" s="31" t="s">
        <v>364</v>
      </c>
      <c r="AC32" s="25" t="s">
        <v>313</v>
      </c>
    </row>
    <row r="33" spans="2:29" ht="33">
      <c r="B33" s="4"/>
      <c r="C33" s="24" t="s">
        <v>44</v>
      </c>
      <c r="D33" s="25"/>
      <c r="E33" s="25"/>
      <c r="F33" s="15" t="s">
        <v>116</v>
      </c>
      <c r="G33" s="25"/>
      <c r="H33" s="14"/>
      <c r="I33" s="25"/>
      <c r="J33" s="25"/>
      <c r="K33" s="25"/>
      <c r="L33" s="25"/>
      <c r="M33" s="25" t="s">
        <v>314</v>
      </c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30"/>
      <c r="AA33" s="31"/>
      <c r="AB33" s="31" t="s">
        <v>365</v>
      </c>
      <c r="AC33" s="25" t="s">
        <v>314</v>
      </c>
    </row>
    <row r="34" spans="2:29">
      <c r="B34" s="4"/>
      <c r="C34" s="24" t="s">
        <v>45</v>
      </c>
      <c r="D34" s="25"/>
      <c r="E34" s="25"/>
      <c r="F34" s="15" t="s">
        <v>117</v>
      </c>
      <c r="G34" s="25"/>
      <c r="H34" s="14"/>
      <c r="I34" s="25"/>
      <c r="J34" s="25"/>
      <c r="K34" s="25"/>
      <c r="L34" s="25"/>
      <c r="M34" s="25" t="s">
        <v>315</v>
      </c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30"/>
      <c r="AA34" s="31"/>
      <c r="AB34" s="31" t="s">
        <v>366</v>
      </c>
      <c r="AC34" s="25" t="s">
        <v>315</v>
      </c>
    </row>
    <row r="35" spans="2:29" ht="33">
      <c r="B35" s="4"/>
      <c r="C35" s="24" t="s">
        <v>101</v>
      </c>
      <c r="D35" s="25"/>
      <c r="E35" s="25"/>
      <c r="F35" s="15" t="s">
        <v>118</v>
      </c>
      <c r="G35" s="25"/>
      <c r="H35" s="14"/>
      <c r="I35" s="25"/>
      <c r="J35" s="25"/>
      <c r="K35" s="25"/>
      <c r="L35" s="25"/>
      <c r="M35" s="25" t="s">
        <v>316</v>
      </c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30"/>
      <c r="AA35" s="31"/>
      <c r="AB35" s="31" t="s">
        <v>367</v>
      </c>
      <c r="AC35" s="25" t="s">
        <v>316</v>
      </c>
    </row>
    <row r="36" spans="2:29">
      <c r="B36" s="4"/>
      <c r="C36" s="24" t="s">
        <v>46</v>
      </c>
      <c r="D36" s="25"/>
      <c r="E36" s="25"/>
      <c r="F36" s="15" t="s">
        <v>119</v>
      </c>
      <c r="G36" s="25"/>
      <c r="H36" s="14"/>
      <c r="I36" s="25"/>
      <c r="J36" s="25"/>
      <c r="K36" s="25"/>
      <c r="L36" s="25"/>
      <c r="M36" s="25" t="s">
        <v>317</v>
      </c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30"/>
      <c r="AA36" s="31"/>
      <c r="AB36" s="31" t="s">
        <v>368</v>
      </c>
      <c r="AC36" s="25" t="s">
        <v>317</v>
      </c>
    </row>
    <row r="37" spans="2:29">
      <c r="B37" s="4"/>
      <c r="C37" s="24" t="s">
        <v>47</v>
      </c>
      <c r="D37" s="25"/>
      <c r="E37" s="25"/>
      <c r="F37" s="15" t="s">
        <v>120</v>
      </c>
      <c r="G37" s="25"/>
      <c r="H37" s="14"/>
      <c r="I37" s="25"/>
      <c r="J37" s="25"/>
      <c r="K37" s="25"/>
      <c r="L37" s="25"/>
      <c r="M37" s="25" t="s">
        <v>318</v>
      </c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30"/>
      <c r="AA37" s="31"/>
      <c r="AB37" s="31" t="s">
        <v>369</v>
      </c>
      <c r="AC37" s="25" t="s">
        <v>318</v>
      </c>
    </row>
    <row r="38" spans="2:29" ht="33">
      <c r="B38" s="4"/>
      <c r="C38" s="24" t="s">
        <v>48</v>
      </c>
      <c r="D38" s="25"/>
      <c r="E38" s="25"/>
      <c r="F38" s="15" t="s">
        <v>121</v>
      </c>
      <c r="G38" s="25"/>
      <c r="H38" s="14"/>
      <c r="I38" s="25"/>
      <c r="J38" s="25"/>
      <c r="K38" s="25"/>
      <c r="L38" s="25"/>
      <c r="M38" s="25" t="s">
        <v>319</v>
      </c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30"/>
      <c r="AA38" s="31"/>
      <c r="AB38" s="31" t="s">
        <v>370</v>
      </c>
      <c r="AC38" s="25" t="s">
        <v>319</v>
      </c>
    </row>
    <row r="39" spans="2:29" ht="33">
      <c r="B39" s="4"/>
      <c r="C39" s="24" t="s">
        <v>49</v>
      </c>
      <c r="D39" s="25"/>
      <c r="E39" s="25"/>
      <c r="F39" s="15" t="s">
        <v>122</v>
      </c>
      <c r="G39" s="25"/>
      <c r="H39" s="14"/>
      <c r="I39" s="25"/>
      <c r="J39" s="25"/>
      <c r="K39" s="25"/>
      <c r="L39" s="25"/>
      <c r="M39" s="25" t="s">
        <v>320</v>
      </c>
      <c r="N39" s="25"/>
      <c r="O39" s="25"/>
      <c r="P39" s="25"/>
      <c r="Q39" s="25"/>
      <c r="R39" s="25"/>
      <c r="S39" s="25"/>
      <c r="T39" s="25"/>
      <c r="U39" s="25"/>
      <c r="V39" s="25"/>
      <c r="W39" s="25"/>
      <c r="X39" s="25"/>
      <c r="Y39" s="30"/>
      <c r="AA39" s="31"/>
      <c r="AB39" s="31" t="s">
        <v>371</v>
      </c>
      <c r="AC39" s="25" t="s">
        <v>320</v>
      </c>
    </row>
    <row r="40" spans="2:29">
      <c r="B40" s="4"/>
      <c r="C40" s="24" t="s">
        <v>50</v>
      </c>
      <c r="D40" s="25"/>
      <c r="E40" s="25"/>
      <c r="F40" s="15" t="s">
        <v>123</v>
      </c>
      <c r="G40" s="25"/>
      <c r="H40" s="14"/>
      <c r="I40" s="25"/>
      <c r="J40" s="25"/>
      <c r="K40" s="25"/>
      <c r="L40" s="25"/>
      <c r="M40" s="25" t="s">
        <v>321</v>
      </c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30"/>
      <c r="AA40" s="31"/>
      <c r="AB40" s="31" t="s">
        <v>372</v>
      </c>
      <c r="AC40" s="25" t="s">
        <v>321</v>
      </c>
    </row>
    <row r="41" spans="2:29">
      <c r="B41" s="4"/>
      <c r="C41" s="26" t="s">
        <v>51</v>
      </c>
      <c r="D41" s="25"/>
      <c r="E41" s="25"/>
      <c r="F41" s="15" t="s">
        <v>124</v>
      </c>
      <c r="G41" s="25"/>
      <c r="H41" s="14"/>
      <c r="I41" s="25"/>
      <c r="J41" s="25"/>
      <c r="K41" s="25"/>
      <c r="L41" s="25"/>
      <c r="M41" s="25" t="s">
        <v>322</v>
      </c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30"/>
      <c r="AA41" s="34"/>
      <c r="AB41" s="34" t="s">
        <v>373</v>
      </c>
      <c r="AC41" s="25" t="s">
        <v>322</v>
      </c>
    </row>
    <row r="42" spans="2:29">
      <c r="B42" s="4"/>
      <c r="C42" s="26" t="s">
        <v>52</v>
      </c>
      <c r="D42" s="25"/>
      <c r="E42" s="25"/>
      <c r="F42" s="15" t="s">
        <v>125</v>
      </c>
      <c r="G42" s="25"/>
      <c r="H42" s="14"/>
      <c r="I42" s="25"/>
      <c r="J42" s="25"/>
      <c r="K42" s="25"/>
      <c r="L42" s="25"/>
      <c r="M42" s="25" t="s">
        <v>323</v>
      </c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30"/>
      <c r="AA42" s="31"/>
      <c r="AB42" s="31" t="s">
        <v>374</v>
      </c>
      <c r="AC42" s="25" t="s">
        <v>323</v>
      </c>
    </row>
    <row r="43" spans="2:29">
      <c r="B43" s="4"/>
      <c r="C43" s="26" t="s">
        <v>53</v>
      </c>
      <c r="D43" s="25"/>
      <c r="E43" s="25"/>
      <c r="F43" s="15" t="s">
        <v>126</v>
      </c>
      <c r="G43" s="25"/>
      <c r="H43" s="14"/>
      <c r="I43" s="25"/>
      <c r="J43" s="25"/>
      <c r="K43" s="25"/>
      <c r="L43" s="25"/>
      <c r="M43" s="25" t="s">
        <v>324</v>
      </c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30"/>
      <c r="AA43" s="31"/>
      <c r="AB43" s="31" t="s">
        <v>375</v>
      </c>
      <c r="AC43" s="25" t="s">
        <v>324</v>
      </c>
    </row>
    <row r="44" spans="2:29">
      <c r="B44" s="4"/>
      <c r="C44" s="27" t="s">
        <v>54</v>
      </c>
      <c r="D44" s="25"/>
      <c r="E44" s="25"/>
      <c r="F44" s="15" t="s">
        <v>127</v>
      </c>
      <c r="G44" s="25"/>
      <c r="H44" s="14"/>
      <c r="I44" s="25"/>
      <c r="J44" s="25"/>
      <c r="K44" s="25"/>
      <c r="L44" s="25"/>
      <c r="M44" s="25" t="s">
        <v>325</v>
      </c>
      <c r="N44" s="25"/>
      <c r="O44" s="25"/>
      <c r="P44" s="25"/>
      <c r="Q44" s="25"/>
      <c r="R44" s="25"/>
      <c r="S44" s="25"/>
      <c r="T44" s="25"/>
      <c r="U44" s="25"/>
      <c r="V44" s="25"/>
      <c r="W44" s="25"/>
      <c r="X44" s="25"/>
      <c r="Y44" s="30"/>
      <c r="AA44" s="33"/>
      <c r="AB44" s="33" t="s">
        <v>376</v>
      </c>
      <c r="AC44" s="25" t="s">
        <v>325</v>
      </c>
    </row>
    <row r="45" spans="2:29" ht="22.5">
      <c r="B45" s="4"/>
      <c r="C45" s="28" t="s">
        <v>55</v>
      </c>
      <c r="D45" s="25"/>
      <c r="E45" s="25"/>
      <c r="F45" s="15" t="s">
        <v>128</v>
      </c>
      <c r="G45" s="25"/>
      <c r="H45" s="14"/>
      <c r="I45" s="25"/>
      <c r="J45" s="25"/>
      <c r="K45" s="25"/>
      <c r="L45" s="25"/>
      <c r="M45" s="25" t="s">
        <v>326</v>
      </c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30"/>
      <c r="AA45" s="32"/>
      <c r="AB45" s="32" t="s">
        <v>377</v>
      </c>
      <c r="AC45" s="25" t="s">
        <v>326</v>
      </c>
    </row>
    <row r="46" spans="2:29" ht="33">
      <c r="B46" s="4"/>
      <c r="C46" s="28" t="s">
        <v>56</v>
      </c>
      <c r="D46" s="25"/>
      <c r="E46" s="25"/>
      <c r="F46" s="15" t="s">
        <v>129</v>
      </c>
      <c r="G46" s="25"/>
      <c r="H46" s="14"/>
      <c r="I46" s="25"/>
      <c r="J46" s="25"/>
      <c r="K46" s="25"/>
      <c r="L46" s="25"/>
      <c r="M46" s="25" t="s">
        <v>327</v>
      </c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30"/>
      <c r="AC46" s="25" t="s">
        <v>327</v>
      </c>
    </row>
    <row r="47" spans="2:29">
      <c r="B47" s="4"/>
      <c r="C47" s="26" t="s">
        <v>57</v>
      </c>
      <c r="D47" s="25"/>
      <c r="E47" s="25"/>
      <c r="F47" s="15" t="s">
        <v>130</v>
      </c>
      <c r="G47" s="25"/>
      <c r="H47" s="14"/>
      <c r="I47" s="25"/>
      <c r="J47" s="25"/>
      <c r="K47" s="25"/>
      <c r="L47" s="25"/>
      <c r="M47" s="25" t="s">
        <v>328</v>
      </c>
      <c r="N47" s="25"/>
      <c r="O47" s="25"/>
      <c r="P47" s="25"/>
      <c r="Q47" s="25"/>
      <c r="R47" s="25"/>
      <c r="S47" s="25"/>
      <c r="T47" s="25"/>
      <c r="U47" s="25"/>
      <c r="V47" s="25"/>
      <c r="W47" s="25"/>
      <c r="X47" s="25"/>
      <c r="Y47" s="30"/>
      <c r="AC47" s="25" t="s">
        <v>328</v>
      </c>
    </row>
    <row r="48" spans="2:29">
      <c r="B48" s="4"/>
      <c r="C48" s="26" t="s">
        <v>58</v>
      </c>
      <c r="D48" s="25"/>
      <c r="E48" s="25"/>
      <c r="F48" s="20" t="s">
        <v>131</v>
      </c>
      <c r="G48" s="25"/>
      <c r="H48" s="14"/>
      <c r="I48" s="25"/>
      <c r="J48" s="25"/>
      <c r="K48" s="25"/>
      <c r="L48" s="25"/>
      <c r="M48" s="25" t="s">
        <v>329</v>
      </c>
      <c r="N48" s="25"/>
      <c r="O48" s="25"/>
      <c r="P48" s="25"/>
      <c r="Q48" s="25"/>
      <c r="R48" s="25"/>
      <c r="S48" s="25"/>
      <c r="T48" s="25"/>
      <c r="U48" s="25"/>
      <c r="V48" s="25"/>
      <c r="W48" s="25"/>
      <c r="X48" s="25"/>
      <c r="Y48" s="30"/>
      <c r="AC48" s="25" t="s">
        <v>329</v>
      </c>
    </row>
    <row r="49" spans="2:29">
      <c r="B49" s="4"/>
      <c r="C49" s="27" t="s">
        <v>59</v>
      </c>
      <c r="D49" s="25"/>
      <c r="E49" s="25"/>
      <c r="F49" s="20" t="s">
        <v>132</v>
      </c>
      <c r="G49" s="25"/>
      <c r="H49" s="14"/>
      <c r="I49" s="25"/>
      <c r="J49" s="25"/>
      <c r="K49" s="25"/>
      <c r="L49" s="25"/>
      <c r="M49" s="25" t="s">
        <v>330</v>
      </c>
      <c r="N49" s="25"/>
      <c r="O49" s="25"/>
      <c r="P49" s="25"/>
      <c r="Q49" s="25"/>
      <c r="R49" s="25"/>
      <c r="S49" s="25"/>
      <c r="T49" s="25"/>
      <c r="U49" s="25"/>
      <c r="V49" s="25"/>
      <c r="W49" s="25"/>
      <c r="X49" s="25"/>
      <c r="Y49" s="30"/>
      <c r="AC49" s="25" t="s">
        <v>330</v>
      </c>
    </row>
    <row r="50" spans="2:29" ht="33">
      <c r="B50" s="4"/>
      <c r="C50" s="27" t="s">
        <v>60</v>
      </c>
      <c r="D50" s="25"/>
      <c r="E50" s="25"/>
      <c r="F50" s="20" t="s">
        <v>133</v>
      </c>
      <c r="G50" s="25"/>
      <c r="H50" s="14"/>
      <c r="I50" s="25"/>
      <c r="J50" s="25"/>
      <c r="K50" s="25"/>
      <c r="L50" s="25"/>
      <c r="M50" s="25" t="s">
        <v>331</v>
      </c>
      <c r="N50" s="25"/>
      <c r="O50" s="25"/>
      <c r="P50" s="25"/>
      <c r="Q50" s="25"/>
      <c r="R50" s="25"/>
      <c r="S50" s="25"/>
      <c r="T50" s="25"/>
      <c r="U50" s="25"/>
      <c r="V50" s="25"/>
      <c r="W50" s="25"/>
      <c r="X50" s="25"/>
      <c r="Y50" s="30"/>
      <c r="AC50" s="25" t="s">
        <v>331</v>
      </c>
    </row>
    <row r="51" spans="2:29" ht="33">
      <c r="B51" s="4"/>
      <c r="C51" s="27" t="s">
        <v>61</v>
      </c>
      <c r="D51" s="25"/>
      <c r="E51" s="25"/>
      <c r="F51" s="20" t="s">
        <v>134</v>
      </c>
      <c r="G51" s="25"/>
      <c r="H51" s="14"/>
      <c r="I51" s="25"/>
      <c r="J51" s="25"/>
      <c r="K51" s="25"/>
      <c r="L51" s="25"/>
      <c r="M51" s="25" t="s">
        <v>332</v>
      </c>
      <c r="N51" s="25"/>
      <c r="O51" s="25"/>
      <c r="P51" s="25"/>
      <c r="Q51" s="25"/>
      <c r="R51" s="25"/>
      <c r="S51" s="25"/>
      <c r="T51" s="25"/>
      <c r="U51" s="25"/>
      <c r="V51" s="25"/>
      <c r="W51" s="25"/>
      <c r="X51" s="25"/>
      <c r="Y51" s="30"/>
      <c r="AC51" s="25" t="s">
        <v>332</v>
      </c>
    </row>
    <row r="52" spans="2:29" ht="33">
      <c r="B52" s="4"/>
      <c r="C52" s="27" t="s">
        <v>62</v>
      </c>
      <c r="D52" s="25"/>
      <c r="E52" s="25"/>
      <c r="F52" s="20" t="s">
        <v>135</v>
      </c>
      <c r="G52" s="25"/>
      <c r="H52" s="14"/>
      <c r="I52" s="25"/>
      <c r="J52" s="25"/>
      <c r="K52" s="25"/>
      <c r="L52" s="25"/>
      <c r="M52" s="25" t="s">
        <v>333</v>
      </c>
      <c r="N52" s="25"/>
      <c r="O52" s="25"/>
      <c r="P52" s="25"/>
      <c r="Q52" s="25"/>
      <c r="R52" s="25"/>
      <c r="S52" s="25"/>
      <c r="T52" s="25"/>
      <c r="U52" s="25"/>
      <c r="V52" s="25"/>
      <c r="W52" s="25"/>
      <c r="X52" s="25"/>
      <c r="Y52" s="30"/>
      <c r="AC52" s="25" t="s">
        <v>333</v>
      </c>
    </row>
    <row r="53" spans="2:29">
      <c r="B53" s="4"/>
      <c r="C53" s="28" t="s">
        <v>63</v>
      </c>
      <c r="D53" s="25"/>
      <c r="E53" s="25"/>
      <c r="F53" s="20" t="s">
        <v>136</v>
      </c>
      <c r="G53" s="25"/>
      <c r="H53" s="14"/>
      <c r="I53" s="25"/>
      <c r="J53" s="25"/>
      <c r="K53" s="25"/>
      <c r="L53" s="25"/>
      <c r="M53" s="25" t="s">
        <v>334</v>
      </c>
      <c r="N53" s="25"/>
      <c r="O53" s="25"/>
      <c r="P53" s="25"/>
      <c r="Q53" s="25"/>
      <c r="R53" s="25"/>
      <c r="S53" s="25"/>
      <c r="T53" s="25"/>
      <c r="U53" s="25"/>
      <c r="V53" s="25"/>
      <c r="W53" s="25"/>
      <c r="X53" s="25"/>
      <c r="Y53" s="30"/>
      <c r="AC53" s="25" t="s">
        <v>334</v>
      </c>
    </row>
    <row r="54" spans="2:29" ht="22.5">
      <c r="B54" s="4"/>
      <c r="C54" s="28" t="s">
        <v>64</v>
      </c>
      <c r="D54" s="25"/>
      <c r="E54" s="25"/>
      <c r="F54" s="20" t="s">
        <v>137</v>
      </c>
      <c r="G54" s="25"/>
      <c r="H54" s="14"/>
      <c r="I54" s="25"/>
      <c r="J54" s="25"/>
      <c r="K54" s="25"/>
      <c r="L54" s="25"/>
      <c r="M54" s="31" t="s">
        <v>335</v>
      </c>
      <c r="N54" s="25"/>
      <c r="O54" s="25"/>
      <c r="P54" s="25"/>
      <c r="Q54" s="25"/>
      <c r="R54" s="25"/>
      <c r="S54" s="25"/>
      <c r="T54" s="25"/>
      <c r="U54" s="25"/>
      <c r="V54" s="25"/>
      <c r="W54" s="25"/>
      <c r="X54" s="25"/>
      <c r="Y54" s="30"/>
      <c r="AC54" s="32" t="s">
        <v>377</v>
      </c>
    </row>
    <row r="55" spans="2:29">
      <c r="B55" s="4"/>
      <c r="C55" s="28" t="s">
        <v>65</v>
      </c>
      <c r="D55" s="25"/>
      <c r="E55" s="25"/>
      <c r="F55" s="20" t="s">
        <v>138</v>
      </c>
      <c r="G55" s="25"/>
      <c r="H55" s="14"/>
      <c r="I55" s="25"/>
      <c r="J55" s="25"/>
      <c r="K55" s="25"/>
      <c r="L55" s="25"/>
      <c r="M55" s="31" t="s">
        <v>336</v>
      </c>
      <c r="N55" s="25"/>
      <c r="O55" s="25"/>
      <c r="P55" s="25"/>
      <c r="Q55" s="25"/>
      <c r="R55" s="25"/>
      <c r="S55" s="25"/>
      <c r="T55" s="25"/>
      <c r="U55" s="25"/>
      <c r="V55" s="25"/>
      <c r="W55" s="25"/>
      <c r="X55" s="25"/>
      <c r="Y55" s="30"/>
      <c r="AB55" s="25"/>
      <c r="AC55" s="31"/>
    </row>
    <row r="56" spans="2:29">
      <c r="B56" s="4"/>
      <c r="C56" s="26" t="s">
        <v>66</v>
      </c>
      <c r="D56" s="25"/>
      <c r="E56" s="25"/>
      <c r="F56" s="20" t="s">
        <v>139</v>
      </c>
      <c r="G56" s="25"/>
      <c r="H56" s="14"/>
      <c r="I56" s="25"/>
      <c r="J56" s="25"/>
      <c r="K56" s="25"/>
      <c r="L56" s="25"/>
      <c r="M56" s="32" t="s">
        <v>337</v>
      </c>
      <c r="N56" s="25"/>
      <c r="O56" s="25"/>
      <c r="P56" s="25"/>
      <c r="Q56" s="25"/>
      <c r="R56" s="25"/>
      <c r="S56" s="25"/>
      <c r="T56" s="25"/>
      <c r="U56" s="25"/>
      <c r="V56" s="25"/>
      <c r="W56" s="25"/>
      <c r="X56" s="25"/>
      <c r="Y56" s="30"/>
      <c r="AB56" s="25"/>
      <c r="AC56" s="32"/>
    </row>
    <row r="57" spans="2:29">
      <c r="B57" s="4"/>
      <c r="C57" s="27" t="s">
        <v>67</v>
      </c>
      <c r="D57" s="25"/>
      <c r="E57" s="25"/>
      <c r="F57" s="20" t="s">
        <v>140</v>
      </c>
      <c r="G57" s="25"/>
      <c r="H57" s="14"/>
      <c r="I57" s="25"/>
      <c r="J57" s="25"/>
      <c r="K57" s="25"/>
      <c r="L57" s="25"/>
      <c r="M57" s="31" t="s">
        <v>338</v>
      </c>
      <c r="N57" s="25"/>
      <c r="O57" s="25"/>
      <c r="P57" s="25"/>
      <c r="Q57" s="25"/>
      <c r="R57" s="25"/>
      <c r="S57" s="25"/>
      <c r="T57" s="25"/>
      <c r="U57" s="25"/>
      <c r="V57" s="25"/>
      <c r="W57" s="25"/>
      <c r="X57" s="25"/>
      <c r="Y57" s="30"/>
      <c r="AB57" s="25"/>
      <c r="AC57" s="31"/>
    </row>
    <row r="58" spans="2:29">
      <c r="B58" s="4"/>
      <c r="C58" s="26" t="s">
        <v>68</v>
      </c>
      <c r="D58" s="25"/>
      <c r="E58" s="25"/>
      <c r="F58" s="20" t="s">
        <v>141</v>
      </c>
      <c r="G58" s="25"/>
      <c r="H58" s="14"/>
      <c r="I58" s="25"/>
      <c r="J58" s="25"/>
      <c r="K58" s="25"/>
      <c r="L58" s="25"/>
      <c r="M58" s="31" t="s">
        <v>339</v>
      </c>
      <c r="N58" s="25"/>
      <c r="O58" s="25"/>
      <c r="P58" s="25"/>
      <c r="Q58" s="25"/>
      <c r="R58" s="25"/>
      <c r="S58" s="25"/>
      <c r="T58" s="25"/>
      <c r="U58" s="25"/>
      <c r="V58" s="25"/>
      <c r="W58" s="25"/>
      <c r="X58" s="25"/>
      <c r="Y58" s="30"/>
      <c r="AB58" s="25"/>
      <c r="AC58" s="31"/>
    </row>
    <row r="59" spans="2:29">
      <c r="B59" s="4"/>
      <c r="C59" s="26" t="s">
        <v>69</v>
      </c>
      <c r="D59" s="25"/>
      <c r="E59" s="25"/>
      <c r="F59" s="20" t="s">
        <v>142</v>
      </c>
      <c r="G59" s="25"/>
      <c r="H59" s="14"/>
      <c r="I59" s="25"/>
      <c r="J59" s="25"/>
      <c r="K59" s="25"/>
      <c r="L59" s="25"/>
      <c r="M59" s="31" t="s">
        <v>340</v>
      </c>
      <c r="N59" s="25"/>
      <c r="O59" s="25"/>
      <c r="P59" s="25"/>
      <c r="Q59" s="25"/>
      <c r="R59" s="25"/>
      <c r="S59" s="25"/>
      <c r="T59" s="25"/>
      <c r="U59" s="25"/>
      <c r="V59" s="25"/>
      <c r="W59" s="25"/>
      <c r="X59" s="25"/>
      <c r="Y59" s="30"/>
      <c r="AB59" s="25"/>
      <c r="AC59" s="31"/>
    </row>
    <row r="60" spans="2:29">
      <c r="B60" s="4"/>
      <c r="C60" s="28" t="s">
        <v>70</v>
      </c>
      <c r="D60" s="25"/>
      <c r="E60" s="25"/>
      <c r="F60" s="20" t="s">
        <v>143</v>
      </c>
      <c r="G60" s="25"/>
      <c r="H60" s="14"/>
      <c r="I60" s="25"/>
      <c r="J60" s="25"/>
      <c r="K60" s="25"/>
      <c r="L60" s="25"/>
      <c r="M60" s="31" t="s">
        <v>341</v>
      </c>
      <c r="N60" s="25"/>
      <c r="O60" s="25"/>
      <c r="P60" s="25"/>
      <c r="Q60" s="25"/>
      <c r="R60" s="25"/>
      <c r="S60" s="25"/>
      <c r="T60" s="25"/>
      <c r="U60" s="25"/>
      <c r="V60" s="25"/>
      <c r="W60" s="25"/>
      <c r="X60" s="25"/>
      <c r="Y60" s="30"/>
      <c r="AB60" s="25"/>
      <c r="AC60" s="31"/>
    </row>
    <row r="61" spans="2:29">
      <c r="B61" s="4"/>
      <c r="C61" s="26" t="s">
        <v>71</v>
      </c>
      <c r="D61" s="25"/>
      <c r="E61" s="25"/>
      <c r="F61" s="20" t="s">
        <v>144</v>
      </c>
      <c r="G61" s="25"/>
      <c r="H61" s="14"/>
      <c r="I61" s="25"/>
      <c r="J61" s="25"/>
      <c r="K61" s="25"/>
      <c r="L61" s="25"/>
      <c r="M61" s="31" t="s">
        <v>342</v>
      </c>
      <c r="N61" s="25"/>
      <c r="O61" s="25"/>
      <c r="P61" s="25"/>
      <c r="Q61" s="25"/>
      <c r="R61" s="25"/>
      <c r="S61" s="25"/>
      <c r="T61" s="25"/>
      <c r="U61" s="25"/>
      <c r="V61" s="25"/>
      <c r="W61" s="25"/>
      <c r="X61" s="25"/>
      <c r="Y61" s="30"/>
      <c r="AB61" s="25"/>
      <c r="AC61" s="31"/>
    </row>
    <row r="62" spans="2:29">
      <c r="B62" s="4"/>
      <c r="C62" s="26" t="s">
        <v>72</v>
      </c>
      <c r="D62" s="25"/>
      <c r="E62" s="25"/>
      <c r="F62" s="20" t="s">
        <v>145</v>
      </c>
      <c r="G62" s="25"/>
      <c r="H62" s="14"/>
      <c r="I62" s="25"/>
      <c r="J62" s="25"/>
      <c r="K62" s="25"/>
      <c r="L62" s="25"/>
      <c r="M62" s="31" t="s">
        <v>343</v>
      </c>
      <c r="N62" s="25"/>
      <c r="O62" s="25"/>
      <c r="P62" s="25"/>
      <c r="Q62" s="25"/>
      <c r="R62" s="25"/>
      <c r="S62" s="25"/>
      <c r="T62" s="25"/>
      <c r="U62" s="25"/>
      <c r="V62" s="25"/>
      <c r="W62" s="25"/>
      <c r="X62" s="25"/>
      <c r="Y62" s="30"/>
      <c r="AB62" s="25"/>
      <c r="AC62" s="31"/>
    </row>
    <row r="63" spans="2:29">
      <c r="B63" s="4"/>
      <c r="C63" s="26" t="s">
        <v>73</v>
      </c>
      <c r="D63" s="25"/>
      <c r="E63" s="25"/>
      <c r="F63" s="20" t="s">
        <v>146</v>
      </c>
      <c r="G63" s="25"/>
      <c r="H63" s="14"/>
      <c r="I63" s="25"/>
      <c r="J63" s="25"/>
      <c r="K63" s="25"/>
      <c r="L63" s="25"/>
      <c r="M63" s="31" t="s">
        <v>344</v>
      </c>
      <c r="N63" s="25"/>
      <c r="O63" s="25"/>
      <c r="P63" s="25"/>
      <c r="Q63" s="25"/>
      <c r="R63" s="25"/>
      <c r="S63" s="25"/>
      <c r="T63" s="25"/>
      <c r="U63" s="25"/>
      <c r="V63" s="25"/>
      <c r="W63" s="25"/>
      <c r="X63" s="25"/>
      <c r="Y63" s="30"/>
      <c r="AB63" s="25"/>
      <c r="AC63" s="31"/>
    </row>
    <row r="64" spans="2:29">
      <c r="B64" s="4"/>
      <c r="C64" s="26" t="s">
        <v>74</v>
      </c>
      <c r="D64" s="25"/>
      <c r="E64" s="25"/>
      <c r="F64" s="20" t="s">
        <v>147</v>
      </c>
      <c r="G64" s="25"/>
      <c r="H64" s="14"/>
      <c r="I64" s="25"/>
      <c r="J64" s="25"/>
      <c r="K64" s="25"/>
      <c r="L64" s="25"/>
      <c r="M64" s="31" t="s">
        <v>345</v>
      </c>
      <c r="N64" s="25"/>
      <c r="O64" s="25"/>
      <c r="P64" s="25"/>
      <c r="Q64" s="25"/>
      <c r="R64" s="25"/>
      <c r="S64" s="25"/>
      <c r="T64" s="25"/>
      <c r="U64" s="25"/>
      <c r="V64" s="25"/>
      <c r="W64" s="25"/>
      <c r="X64" s="25"/>
      <c r="Y64" s="30"/>
      <c r="AB64" s="25"/>
      <c r="AC64" s="31"/>
    </row>
    <row r="65" spans="2:29">
      <c r="B65" s="4"/>
      <c r="C65" s="26" t="s">
        <v>75</v>
      </c>
      <c r="D65" s="25"/>
      <c r="E65" s="25"/>
      <c r="F65" s="20" t="s">
        <v>148</v>
      </c>
      <c r="G65" s="25"/>
      <c r="H65" s="14"/>
      <c r="I65" s="25"/>
      <c r="J65" s="25"/>
      <c r="K65" s="25"/>
      <c r="L65" s="25"/>
      <c r="M65" s="31" t="s">
        <v>346</v>
      </c>
      <c r="N65" s="25"/>
      <c r="O65" s="25"/>
      <c r="P65" s="25"/>
      <c r="Q65" s="25"/>
      <c r="R65" s="25"/>
      <c r="S65" s="25"/>
      <c r="T65" s="25"/>
      <c r="U65" s="25"/>
      <c r="V65" s="25"/>
      <c r="W65" s="25"/>
      <c r="X65" s="25"/>
      <c r="Y65" s="30"/>
      <c r="AB65" s="25"/>
      <c r="AC65" s="31"/>
    </row>
    <row r="66" spans="2:29">
      <c r="B66" s="4"/>
      <c r="C66" s="26" t="s">
        <v>76</v>
      </c>
      <c r="D66" s="25"/>
      <c r="E66" s="25"/>
      <c r="F66" s="20" t="s">
        <v>149</v>
      </c>
      <c r="G66" s="25"/>
      <c r="H66" s="14"/>
      <c r="I66" s="25"/>
      <c r="J66" s="25"/>
      <c r="K66" s="25"/>
      <c r="L66" s="25"/>
      <c r="M66" s="31" t="s">
        <v>347</v>
      </c>
      <c r="N66" s="25"/>
      <c r="O66" s="25"/>
      <c r="P66" s="25"/>
      <c r="Q66" s="25"/>
      <c r="R66" s="25"/>
      <c r="S66" s="25"/>
      <c r="T66" s="25"/>
      <c r="U66" s="25"/>
      <c r="V66" s="25"/>
      <c r="W66" s="25"/>
      <c r="X66" s="25"/>
      <c r="Y66" s="30"/>
      <c r="AB66" s="25"/>
      <c r="AC66" s="31"/>
    </row>
    <row r="67" spans="2:29">
      <c r="B67" s="4"/>
      <c r="C67" s="26" t="s">
        <v>77</v>
      </c>
      <c r="D67" s="25"/>
      <c r="E67" s="25"/>
      <c r="F67" s="20" t="s">
        <v>150</v>
      </c>
      <c r="G67" s="25"/>
      <c r="H67" s="14"/>
      <c r="I67" s="25"/>
      <c r="J67" s="25"/>
      <c r="K67" s="25"/>
      <c r="L67" s="25"/>
      <c r="M67" s="31" t="s">
        <v>348</v>
      </c>
      <c r="N67" s="25"/>
      <c r="O67" s="25"/>
      <c r="P67" s="25"/>
      <c r="Q67" s="25"/>
      <c r="R67" s="25"/>
      <c r="S67" s="25"/>
      <c r="T67" s="25"/>
      <c r="U67" s="25"/>
      <c r="V67" s="25"/>
      <c r="W67" s="25"/>
      <c r="X67" s="25"/>
      <c r="Y67" s="30"/>
      <c r="AB67" s="25"/>
      <c r="AC67" s="31"/>
    </row>
    <row r="68" spans="2:29">
      <c r="B68" s="4"/>
      <c r="C68" s="26" t="s">
        <v>78</v>
      </c>
      <c r="D68" s="25"/>
      <c r="E68" s="25"/>
      <c r="F68" s="20" t="s">
        <v>151</v>
      </c>
      <c r="G68" s="25"/>
      <c r="H68" s="14"/>
      <c r="I68" s="25"/>
      <c r="J68" s="25"/>
      <c r="K68" s="25"/>
      <c r="L68" s="25"/>
      <c r="M68" s="31" t="s">
        <v>349</v>
      </c>
      <c r="N68" s="25"/>
      <c r="O68" s="25"/>
      <c r="P68" s="25"/>
      <c r="Q68" s="25"/>
      <c r="R68" s="25"/>
      <c r="S68" s="25"/>
      <c r="T68" s="25"/>
      <c r="U68" s="25"/>
      <c r="V68" s="25"/>
      <c r="W68" s="25"/>
      <c r="X68" s="25"/>
      <c r="Y68" s="30"/>
      <c r="AB68" s="25"/>
      <c r="AC68" s="31"/>
    </row>
    <row r="69" spans="2:29">
      <c r="B69" s="4"/>
      <c r="C69" s="26" t="s">
        <v>79</v>
      </c>
      <c r="D69" s="25"/>
      <c r="E69" s="25"/>
      <c r="F69" s="20" t="s">
        <v>152</v>
      </c>
      <c r="G69" s="25"/>
      <c r="H69" s="14"/>
      <c r="I69" s="25"/>
      <c r="J69" s="25"/>
      <c r="K69" s="25"/>
      <c r="L69" s="25"/>
      <c r="M69" s="31" t="s">
        <v>350</v>
      </c>
      <c r="N69" s="25"/>
      <c r="O69" s="25"/>
      <c r="P69" s="25"/>
      <c r="Q69" s="25"/>
      <c r="R69" s="25"/>
      <c r="S69" s="25"/>
      <c r="T69" s="25"/>
      <c r="U69" s="25"/>
      <c r="V69" s="25"/>
      <c r="W69" s="25"/>
      <c r="X69" s="25"/>
      <c r="Y69" s="30"/>
      <c r="AB69" s="25"/>
      <c r="AC69" s="31"/>
    </row>
    <row r="70" spans="2:29" ht="31.5">
      <c r="B70" s="4"/>
      <c r="C70" s="26" t="s">
        <v>80</v>
      </c>
      <c r="D70" s="25"/>
      <c r="E70" s="25"/>
      <c r="F70" s="20" t="s">
        <v>153</v>
      </c>
      <c r="G70" s="25"/>
      <c r="H70" s="14"/>
      <c r="I70" s="25"/>
      <c r="J70" s="25"/>
      <c r="K70" s="25"/>
      <c r="L70" s="25"/>
      <c r="M70" s="31" t="s">
        <v>351</v>
      </c>
      <c r="N70" s="25"/>
      <c r="O70" s="25"/>
      <c r="P70" s="25"/>
      <c r="Q70" s="25"/>
      <c r="R70" s="25"/>
      <c r="S70" s="25"/>
      <c r="T70" s="25"/>
      <c r="U70" s="25"/>
      <c r="V70" s="25"/>
      <c r="W70" s="25"/>
      <c r="X70" s="25"/>
      <c r="Y70" s="30"/>
      <c r="AB70" s="25"/>
      <c r="AC70" s="31"/>
    </row>
    <row r="71" spans="2:29">
      <c r="B71" s="4"/>
      <c r="C71" s="26" t="s">
        <v>81</v>
      </c>
      <c r="D71" s="25"/>
      <c r="E71" s="25"/>
      <c r="F71" s="20" t="s">
        <v>154</v>
      </c>
      <c r="G71" s="25"/>
      <c r="H71" s="14"/>
      <c r="I71" s="25"/>
      <c r="J71" s="25"/>
      <c r="K71" s="25"/>
      <c r="L71" s="25"/>
      <c r="M71" s="31" t="s">
        <v>352</v>
      </c>
      <c r="N71" s="25"/>
      <c r="O71" s="25"/>
      <c r="P71" s="25"/>
      <c r="Q71" s="25"/>
      <c r="R71" s="25"/>
      <c r="S71" s="25"/>
      <c r="T71" s="25"/>
      <c r="U71" s="25"/>
      <c r="V71" s="25"/>
      <c r="W71" s="25"/>
      <c r="X71" s="25"/>
      <c r="Y71" s="30"/>
      <c r="AB71" s="25"/>
      <c r="AC71" s="31"/>
    </row>
    <row r="72" spans="2:29">
      <c r="B72" s="4"/>
      <c r="C72" s="26" t="s">
        <v>82</v>
      </c>
      <c r="D72" s="25"/>
      <c r="E72" s="25"/>
      <c r="F72" s="20" t="s">
        <v>155</v>
      </c>
      <c r="G72" s="25"/>
      <c r="H72" s="14"/>
      <c r="I72" s="25"/>
      <c r="J72" s="25"/>
      <c r="K72" s="25"/>
      <c r="L72" s="25"/>
      <c r="M72" s="31" t="s">
        <v>353</v>
      </c>
      <c r="N72" s="25"/>
      <c r="O72" s="25"/>
      <c r="P72" s="25"/>
      <c r="Q72" s="25"/>
      <c r="R72" s="25"/>
      <c r="S72" s="25"/>
      <c r="T72" s="25"/>
      <c r="U72" s="25"/>
      <c r="V72" s="25"/>
      <c r="W72" s="25"/>
      <c r="X72" s="25"/>
      <c r="Y72" s="30"/>
      <c r="AB72" s="25"/>
      <c r="AC72" s="31"/>
    </row>
    <row r="73" spans="2:29">
      <c r="B73" s="4"/>
      <c r="C73" s="26" t="s">
        <v>83</v>
      </c>
      <c r="D73" s="25"/>
      <c r="E73" s="25"/>
      <c r="F73" s="20" t="s">
        <v>156</v>
      </c>
      <c r="G73" s="25"/>
      <c r="H73" s="14"/>
      <c r="I73" s="25"/>
      <c r="J73" s="25"/>
      <c r="K73" s="25"/>
      <c r="L73" s="25"/>
      <c r="M73" s="33" t="s">
        <v>354</v>
      </c>
      <c r="N73" s="25"/>
      <c r="O73" s="25"/>
      <c r="P73" s="25"/>
      <c r="Q73" s="25"/>
      <c r="R73" s="25"/>
      <c r="S73" s="25"/>
      <c r="T73" s="25"/>
      <c r="U73" s="25"/>
      <c r="V73" s="25"/>
      <c r="W73" s="25"/>
      <c r="X73" s="25"/>
      <c r="Y73" s="30"/>
      <c r="AB73" s="25"/>
      <c r="AC73" s="33"/>
    </row>
    <row r="74" spans="2:29">
      <c r="B74" s="4"/>
      <c r="C74" s="26" t="s">
        <v>84</v>
      </c>
      <c r="D74" s="25"/>
      <c r="E74" s="25"/>
      <c r="F74" s="20" t="s">
        <v>157</v>
      </c>
      <c r="G74" s="25"/>
      <c r="H74" s="14"/>
      <c r="I74" s="25"/>
      <c r="J74" s="25"/>
      <c r="K74" s="25"/>
      <c r="L74" s="25"/>
      <c r="M74" s="32" t="s">
        <v>355</v>
      </c>
      <c r="N74" s="25"/>
      <c r="O74" s="25"/>
      <c r="P74" s="25"/>
      <c r="Q74" s="25"/>
      <c r="R74" s="25"/>
      <c r="S74" s="25"/>
      <c r="T74" s="25"/>
      <c r="U74" s="25"/>
      <c r="V74" s="25"/>
      <c r="W74" s="25"/>
      <c r="X74" s="25"/>
      <c r="Y74" s="30"/>
      <c r="AB74" s="25"/>
      <c r="AC74" s="32"/>
    </row>
    <row r="75" spans="2:29">
      <c r="B75" s="4"/>
      <c r="C75" s="26" t="s">
        <v>85</v>
      </c>
      <c r="D75" s="25"/>
      <c r="E75" s="25"/>
      <c r="F75" s="20" t="s">
        <v>158</v>
      </c>
      <c r="G75" s="25"/>
      <c r="H75" s="14"/>
      <c r="I75" s="25"/>
      <c r="J75" s="25"/>
      <c r="K75" s="25"/>
      <c r="L75" s="25"/>
      <c r="M75" s="31" t="s">
        <v>356</v>
      </c>
      <c r="N75" s="25"/>
      <c r="O75" s="25"/>
      <c r="P75" s="25"/>
      <c r="Q75" s="25"/>
      <c r="R75" s="25"/>
      <c r="S75" s="25"/>
      <c r="T75" s="25"/>
      <c r="U75" s="25"/>
      <c r="V75" s="25"/>
      <c r="W75" s="25"/>
      <c r="X75" s="25"/>
      <c r="Y75" s="30"/>
      <c r="AB75" s="25"/>
      <c r="AC75" s="31"/>
    </row>
    <row r="76" spans="2:29">
      <c r="B76" s="4"/>
      <c r="C76" s="26" t="s">
        <v>86</v>
      </c>
      <c r="D76" s="25"/>
      <c r="E76" s="25"/>
      <c r="F76" s="20" t="s">
        <v>159</v>
      </c>
      <c r="G76" s="25"/>
      <c r="H76" s="14"/>
      <c r="I76" s="25"/>
      <c r="J76" s="25"/>
      <c r="K76" s="25"/>
      <c r="L76" s="25"/>
      <c r="M76" s="31" t="s">
        <v>357</v>
      </c>
      <c r="N76" s="25"/>
      <c r="O76" s="25"/>
      <c r="P76" s="25"/>
      <c r="Q76" s="25"/>
      <c r="R76" s="25"/>
      <c r="S76" s="25"/>
      <c r="T76" s="25"/>
      <c r="U76" s="25"/>
      <c r="V76" s="25"/>
      <c r="W76" s="25"/>
      <c r="X76" s="25"/>
      <c r="Y76" s="30"/>
      <c r="AB76" s="25"/>
      <c r="AC76" s="31"/>
    </row>
    <row r="77" spans="2:29">
      <c r="B77" s="4"/>
      <c r="C77" s="26" t="s">
        <v>87</v>
      </c>
      <c r="D77" s="25"/>
      <c r="E77" s="25"/>
      <c r="F77" s="20" t="s">
        <v>160</v>
      </c>
      <c r="G77" s="25"/>
      <c r="H77" s="14"/>
      <c r="I77" s="25"/>
      <c r="J77" s="25"/>
      <c r="K77" s="25"/>
      <c r="L77" s="25"/>
      <c r="M77" s="31" t="s">
        <v>358</v>
      </c>
      <c r="N77" s="25"/>
      <c r="O77" s="25"/>
      <c r="P77" s="25"/>
      <c r="Q77" s="25"/>
      <c r="R77" s="25"/>
      <c r="S77" s="25"/>
      <c r="T77" s="25"/>
      <c r="U77" s="25"/>
      <c r="V77" s="25"/>
      <c r="W77" s="25"/>
      <c r="X77" s="25"/>
      <c r="Y77" s="30"/>
      <c r="AB77" s="25"/>
      <c r="AC77" s="31"/>
    </row>
    <row r="78" spans="2:29">
      <c r="B78" s="4"/>
      <c r="C78" s="26" t="s">
        <v>88</v>
      </c>
      <c r="D78" s="25"/>
      <c r="E78" s="25"/>
      <c r="F78" s="20" t="s">
        <v>161</v>
      </c>
      <c r="G78" s="25"/>
      <c r="H78" s="14"/>
      <c r="I78" s="25"/>
      <c r="J78" s="25"/>
      <c r="K78" s="25"/>
      <c r="L78" s="25"/>
      <c r="M78" s="31" t="s">
        <v>359</v>
      </c>
      <c r="N78" s="25"/>
      <c r="O78" s="25"/>
      <c r="P78" s="25"/>
      <c r="Q78" s="25"/>
      <c r="R78" s="25"/>
      <c r="S78" s="25"/>
      <c r="T78" s="25"/>
      <c r="U78" s="25"/>
      <c r="V78" s="25"/>
      <c r="W78" s="25"/>
      <c r="X78" s="25"/>
      <c r="Y78" s="30"/>
      <c r="AB78" s="25"/>
      <c r="AC78" s="31"/>
    </row>
    <row r="79" spans="2:29">
      <c r="B79" s="4"/>
      <c r="C79" s="26" t="s">
        <v>89</v>
      </c>
      <c r="D79" s="25"/>
      <c r="E79" s="25"/>
      <c r="F79" s="20" t="s">
        <v>162</v>
      </c>
      <c r="G79" s="25"/>
      <c r="H79" s="14"/>
      <c r="I79" s="25"/>
      <c r="J79" s="25"/>
      <c r="K79" s="25"/>
      <c r="L79" s="25"/>
      <c r="M79" s="31" t="s">
        <v>360</v>
      </c>
      <c r="N79" s="25"/>
      <c r="O79" s="25"/>
      <c r="P79" s="25"/>
      <c r="Q79" s="25"/>
      <c r="R79" s="25"/>
      <c r="S79" s="25"/>
      <c r="T79" s="25"/>
      <c r="U79" s="25"/>
      <c r="V79" s="25"/>
      <c r="W79" s="25"/>
      <c r="X79" s="25"/>
      <c r="Y79" s="30"/>
      <c r="AB79" s="25"/>
      <c r="AC79" s="31"/>
    </row>
    <row r="80" spans="2:29">
      <c r="B80" s="4"/>
      <c r="C80" s="26" t="s">
        <v>90</v>
      </c>
      <c r="D80" s="25"/>
      <c r="E80" s="25"/>
      <c r="F80" s="20" t="s">
        <v>163</v>
      </c>
      <c r="G80" s="25"/>
      <c r="H80" s="14"/>
      <c r="I80" s="25"/>
      <c r="J80" s="25"/>
      <c r="K80" s="25"/>
      <c r="L80" s="25"/>
      <c r="M80" s="31" t="s">
        <v>361</v>
      </c>
      <c r="N80" s="25"/>
      <c r="O80" s="25"/>
      <c r="P80" s="25"/>
      <c r="Q80" s="25"/>
      <c r="R80" s="25"/>
      <c r="S80" s="25"/>
      <c r="T80" s="25"/>
      <c r="U80" s="25"/>
      <c r="V80" s="25"/>
      <c r="W80" s="25"/>
      <c r="X80" s="25"/>
      <c r="Y80" s="30"/>
      <c r="AB80" s="25"/>
      <c r="AC80" s="31"/>
    </row>
    <row r="81" spans="2:29">
      <c r="B81" s="4"/>
      <c r="C81" s="26" t="s">
        <v>91</v>
      </c>
      <c r="D81" s="25"/>
      <c r="E81" s="25"/>
      <c r="F81" s="20" t="s">
        <v>164</v>
      </c>
      <c r="G81" s="25"/>
      <c r="H81" s="14"/>
      <c r="I81" s="25"/>
      <c r="J81" s="25"/>
      <c r="K81" s="25"/>
      <c r="L81" s="25"/>
      <c r="M81" s="31" t="s">
        <v>362</v>
      </c>
      <c r="N81" s="25"/>
      <c r="O81" s="25"/>
      <c r="P81" s="25"/>
      <c r="Q81" s="25"/>
      <c r="R81" s="25"/>
      <c r="S81" s="25"/>
      <c r="T81" s="25"/>
      <c r="U81" s="25"/>
      <c r="V81" s="25"/>
      <c r="W81" s="25"/>
      <c r="X81" s="25"/>
      <c r="Y81" s="30"/>
      <c r="AB81" s="25"/>
      <c r="AC81" s="31"/>
    </row>
    <row r="82" spans="2:29">
      <c r="B82" s="4"/>
      <c r="C82" s="26" t="s">
        <v>92</v>
      </c>
      <c r="D82" s="25"/>
      <c r="E82" s="25"/>
      <c r="F82" s="20" t="s">
        <v>165</v>
      </c>
      <c r="G82" s="25"/>
      <c r="H82" s="14"/>
      <c r="I82" s="25"/>
      <c r="J82" s="25"/>
      <c r="K82" s="25"/>
      <c r="L82" s="25"/>
      <c r="M82" s="31" t="s">
        <v>363</v>
      </c>
      <c r="N82" s="25"/>
      <c r="O82" s="25"/>
      <c r="P82" s="25"/>
      <c r="Q82" s="25"/>
      <c r="R82" s="25"/>
      <c r="S82" s="25"/>
      <c r="T82" s="25"/>
      <c r="U82" s="25"/>
      <c r="V82" s="25"/>
      <c r="W82" s="25"/>
      <c r="X82" s="25"/>
      <c r="Y82" s="30"/>
      <c r="AB82" s="25"/>
      <c r="AC82" s="31"/>
    </row>
    <row r="83" spans="2:29">
      <c r="B83" s="4"/>
      <c r="C83" s="26" t="s">
        <v>93</v>
      </c>
      <c r="D83" s="25"/>
      <c r="E83" s="25"/>
      <c r="F83" s="20" t="s">
        <v>166</v>
      </c>
      <c r="G83" s="25"/>
      <c r="H83" s="14"/>
      <c r="I83" s="25"/>
      <c r="J83" s="25"/>
      <c r="K83" s="25"/>
      <c r="L83" s="25"/>
      <c r="M83" s="31" t="s">
        <v>364</v>
      </c>
      <c r="N83" s="25"/>
      <c r="O83" s="25"/>
      <c r="P83" s="25"/>
      <c r="Q83" s="25"/>
      <c r="R83" s="25"/>
      <c r="S83" s="25"/>
      <c r="T83" s="25"/>
      <c r="U83" s="25"/>
      <c r="V83" s="25"/>
      <c r="W83" s="25"/>
      <c r="X83" s="25"/>
      <c r="Y83" s="30"/>
      <c r="AB83" s="25"/>
      <c r="AC83" s="31"/>
    </row>
    <row r="84" spans="2:29">
      <c r="B84" s="4"/>
      <c r="C84" s="26" t="s">
        <v>94</v>
      </c>
      <c r="D84" s="25"/>
      <c r="E84" s="25"/>
      <c r="F84" s="20" t="s">
        <v>167</v>
      </c>
      <c r="G84" s="25"/>
      <c r="H84" s="14"/>
      <c r="I84" s="25"/>
      <c r="J84" s="25"/>
      <c r="K84" s="25"/>
      <c r="L84" s="25"/>
      <c r="M84" s="31" t="s">
        <v>365</v>
      </c>
      <c r="N84" s="25"/>
      <c r="O84" s="25"/>
      <c r="P84" s="25"/>
      <c r="Q84" s="25"/>
      <c r="R84" s="25"/>
      <c r="S84" s="25"/>
      <c r="T84" s="25"/>
      <c r="U84" s="25"/>
      <c r="V84" s="25"/>
      <c r="W84" s="25"/>
      <c r="X84" s="25"/>
      <c r="Y84" s="30"/>
      <c r="AB84" s="25"/>
      <c r="AC84" s="31"/>
    </row>
    <row r="85" spans="2:29">
      <c r="B85" s="4"/>
      <c r="C85" s="26"/>
      <c r="D85" s="25"/>
      <c r="E85" s="25"/>
      <c r="F85" s="20" t="s">
        <v>168</v>
      </c>
      <c r="G85" s="25"/>
      <c r="H85" s="14"/>
      <c r="I85" s="25"/>
      <c r="J85" s="25"/>
      <c r="K85" s="25"/>
      <c r="L85" s="25"/>
      <c r="M85" s="31" t="s">
        <v>366</v>
      </c>
      <c r="N85" s="25"/>
      <c r="O85" s="25"/>
      <c r="P85" s="25"/>
      <c r="Q85" s="25"/>
      <c r="R85" s="25"/>
      <c r="S85" s="25"/>
      <c r="T85" s="25"/>
      <c r="U85" s="25"/>
      <c r="V85" s="25"/>
      <c r="W85" s="25"/>
      <c r="X85" s="25"/>
      <c r="Y85" s="30"/>
      <c r="AB85" s="25"/>
      <c r="AC85" s="31"/>
    </row>
    <row r="86" spans="2:29">
      <c r="B86" s="4"/>
      <c r="C86" s="25"/>
      <c r="D86" s="25"/>
      <c r="E86" s="25"/>
      <c r="F86" s="20" t="s">
        <v>169</v>
      </c>
      <c r="G86" s="25"/>
      <c r="H86" s="14"/>
      <c r="I86" s="25"/>
      <c r="J86" s="25"/>
      <c r="K86" s="25"/>
      <c r="L86" s="25"/>
      <c r="M86" s="31" t="s">
        <v>367</v>
      </c>
      <c r="N86" s="25"/>
      <c r="O86" s="25"/>
      <c r="P86" s="25"/>
      <c r="Q86" s="25"/>
      <c r="R86" s="25"/>
      <c r="S86" s="25"/>
      <c r="T86" s="25"/>
      <c r="U86" s="25"/>
      <c r="V86" s="25"/>
      <c r="W86" s="25"/>
      <c r="X86" s="25"/>
      <c r="Y86" s="30"/>
      <c r="AB86" s="25"/>
      <c r="AC86" s="31"/>
    </row>
    <row r="87" spans="2:29">
      <c r="B87" s="4"/>
      <c r="C87" s="25"/>
      <c r="D87" s="25"/>
      <c r="E87" s="25"/>
      <c r="F87" s="20" t="s">
        <v>170</v>
      </c>
      <c r="G87" s="25"/>
      <c r="H87" s="14"/>
      <c r="I87" s="25"/>
      <c r="J87" s="25"/>
      <c r="K87" s="25"/>
      <c r="L87" s="25"/>
      <c r="M87" s="31" t="s">
        <v>368</v>
      </c>
      <c r="N87" s="25"/>
      <c r="O87" s="25"/>
      <c r="P87" s="25"/>
      <c r="Q87" s="25"/>
      <c r="R87" s="25"/>
      <c r="S87" s="25"/>
      <c r="T87" s="25"/>
      <c r="U87" s="25"/>
      <c r="V87" s="25"/>
      <c r="W87" s="25"/>
      <c r="X87" s="25"/>
      <c r="Y87" s="30"/>
      <c r="AB87" s="25"/>
      <c r="AC87" s="31"/>
    </row>
    <row r="88" spans="2:29">
      <c r="B88" s="4"/>
      <c r="C88" s="25"/>
      <c r="D88" s="25"/>
      <c r="E88" s="25"/>
      <c r="F88" s="20" t="s">
        <v>171</v>
      </c>
      <c r="G88" s="25"/>
      <c r="H88" s="14"/>
      <c r="I88" s="25"/>
      <c r="J88" s="25"/>
      <c r="K88" s="25"/>
      <c r="L88" s="25"/>
      <c r="M88" s="31" t="s">
        <v>369</v>
      </c>
      <c r="N88" s="25"/>
      <c r="O88" s="25"/>
      <c r="P88" s="25"/>
      <c r="Q88" s="25"/>
      <c r="R88" s="25"/>
      <c r="S88" s="25"/>
      <c r="T88" s="25"/>
      <c r="U88" s="25"/>
      <c r="V88" s="25"/>
      <c r="W88" s="25"/>
      <c r="X88" s="25"/>
      <c r="Y88" s="30"/>
      <c r="AB88" s="25"/>
      <c r="AC88" s="31"/>
    </row>
    <row r="89" spans="2:29" ht="31.5">
      <c r="B89" s="4"/>
      <c r="C89" s="25"/>
      <c r="D89" s="25"/>
      <c r="E89" s="25"/>
      <c r="F89" s="20" t="s">
        <v>172</v>
      </c>
      <c r="G89" s="25"/>
      <c r="H89" s="14"/>
      <c r="I89" s="25"/>
      <c r="J89" s="25"/>
      <c r="K89" s="25"/>
      <c r="L89" s="25"/>
      <c r="M89" s="31" t="s">
        <v>370</v>
      </c>
      <c r="N89" s="25"/>
      <c r="O89" s="25"/>
      <c r="P89" s="25"/>
      <c r="Q89" s="25"/>
      <c r="R89" s="25"/>
      <c r="S89" s="25"/>
      <c r="T89" s="25"/>
      <c r="U89" s="25"/>
      <c r="V89" s="25"/>
      <c r="W89" s="25"/>
      <c r="X89" s="25"/>
      <c r="Y89" s="30"/>
      <c r="AB89" s="25"/>
      <c r="AC89" s="31"/>
    </row>
    <row r="90" spans="2:29">
      <c r="B90" s="4"/>
      <c r="C90" s="25"/>
      <c r="D90" s="25"/>
      <c r="E90" s="25"/>
      <c r="F90" s="20" t="s">
        <v>173</v>
      </c>
      <c r="G90" s="25"/>
      <c r="H90" s="14"/>
      <c r="I90" s="25"/>
      <c r="J90" s="25"/>
      <c r="K90" s="25"/>
      <c r="L90" s="25"/>
      <c r="M90" s="31" t="s">
        <v>371</v>
      </c>
      <c r="N90" s="25"/>
      <c r="O90" s="25"/>
      <c r="P90" s="25"/>
      <c r="Q90" s="25"/>
      <c r="R90" s="25"/>
      <c r="S90" s="25"/>
      <c r="T90" s="25"/>
      <c r="U90" s="25"/>
      <c r="V90" s="25"/>
      <c r="W90" s="25"/>
      <c r="X90" s="25"/>
      <c r="Y90" s="30"/>
      <c r="AB90" s="25"/>
      <c r="AC90" s="31"/>
    </row>
    <row r="91" spans="2:29">
      <c r="B91" s="4"/>
      <c r="C91" s="25"/>
      <c r="D91" s="25"/>
      <c r="E91" s="25"/>
      <c r="F91" s="20" t="s">
        <v>174</v>
      </c>
      <c r="G91" s="25"/>
      <c r="H91" s="14"/>
      <c r="I91" s="25"/>
      <c r="J91" s="25"/>
      <c r="K91" s="25"/>
      <c r="L91" s="25"/>
      <c r="M91" s="31" t="s">
        <v>372</v>
      </c>
      <c r="N91" s="25"/>
      <c r="O91" s="25"/>
      <c r="P91" s="25"/>
      <c r="Q91" s="25"/>
      <c r="R91" s="25"/>
      <c r="S91" s="25"/>
      <c r="T91" s="25"/>
      <c r="U91" s="25"/>
      <c r="V91" s="25"/>
      <c r="W91" s="25"/>
      <c r="X91" s="25"/>
      <c r="Y91" s="30"/>
      <c r="AB91" s="25"/>
      <c r="AC91" s="31"/>
    </row>
    <row r="92" spans="2:29">
      <c r="B92" s="4"/>
      <c r="C92" s="25"/>
      <c r="D92" s="25"/>
      <c r="E92" s="25"/>
      <c r="F92" s="20" t="s">
        <v>175</v>
      </c>
      <c r="G92" s="25"/>
      <c r="H92" s="14"/>
      <c r="I92" s="25"/>
      <c r="J92" s="25"/>
      <c r="K92" s="25"/>
      <c r="L92" s="25"/>
      <c r="M92" s="34" t="s">
        <v>373</v>
      </c>
      <c r="N92" s="25"/>
      <c r="O92" s="25"/>
      <c r="P92" s="25"/>
      <c r="Q92" s="25"/>
      <c r="R92" s="25"/>
      <c r="S92" s="25"/>
      <c r="T92" s="25"/>
      <c r="U92" s="25"/>
      <c r="V92" s="25"/>
      <c r="W92" s="25"/>
      <c r="X92" s="25"/>
      <c r="Y92" s="30"/>
      <c r="AB92" s="25"/>
      <c r="AC92" s="34"/>
    </row>
    <row r="93" spans="2:29">
      <c r="B93" s="4"/>
      <c r="C93" s="25"/>
      <c r="D93" s="25"/>
      <c r="E93" s="25"/>
      <c r="F93" s="20" t="s">
        <v>176</v>
      </c>
      <c r="G93" s="25"/>
      <c r="H93" s="14"/>
      <c r="I93" s="25"/>
      <c r="J93" s="25"/>
      <c r="K93" s="25"/>
      <c r="L93" s="25"/>
      <c r="M93" s="31" t="s">
        <v>374</v>
      </c>
      <c r="N93" s="25"/>
      <c r="O93" s="25"/>
      <c r="P93" s="25"/>
      <c r="Q93" s="25"/>
      <c r="R93" s="25"/>
      <c r="S93" s="25"/>
      <c r="T93" s="25"/>
      <c r="U93" s="25"/>
      <c r="V93" s="25"/>
      <c r="W93" s="25"/>
      <c r="X93" s="25"/>
      <c r="Y93" s="30"/>
      <c r="AB93" s="25"/>
      <c r="AC93" s="31"/>
    </row>
    <row r="94" spans="2:29">
      <c r="B94" s="4"/>
      <c r="C94" s="25"/>
      <c r="D94" s="25"/>
      <c r="E94" s="25"/>
      <c r="F94" s="20" t="s">
        <v>177</v>
      </c>
      <c r="G94" s="25"/>
      <c r="H94" s="14"/>
      <c r="I94" s="25"/>
      <c r="J94" s="25"/>
      <c r="K94" s="25"/>
      <c r="L94" s="25"/>
      <c r="M94" s="31" t="s">
        <v>375</v>
      </c>
      <c r="N94" s="25"/>
      <c r="O94" s="25"/>
      <c r="P94" s="25"/>
      <c r="Q94" s="25"/>
      <c r="R94" s="25"/>
      <c r="S94" s="25"/>
      <c r="T94" s="25"/>
      <c r="U94" s="25"/>
      <c r="V94" s="25"/>
      <c r="W94" s="25"/>
      <c r="X94" s="25"/>
      <c r="Y94" s="30"/>
      <c r="AB94" s="25"/>
      <c r="AC94" s="31"/>
    </row>
    <row r="95" spans="2:29">
      <c r="B95" s="4"/>
      <c r="C95" s="25"/>
      <c r="D95" s="25"/>
      <c r="E95" s="25"/>
      <c r="F95" s="20" t="s">
        <v>178</v>
      </c>
      <c r="G95" s="25"/>
      <c r="H95" s="14"/>
      <c r="I95" s="25"/>
      <c r="J95" s="25"/>
      <c r="K95" s="25"/>
      <c r="L95" s="25"/>
      <c r="M95" s="33" t="s">
        <v>376</v>
      </c>
      <c r="N95" s="25"/>
      <c r="O95" s="25"/>
      <c r="P95" s="25"/>
      <c r="Q95" s="25"/>
      <c r="R95" s="25"/>
      <c r="S95" s="25"/>
      <c r="T95" s="25"/>
      <c r="U95" s="25"/>
      <c r="V95" s="25"/>
      <c r="W95" s="25"/>
      <c r="X95" s="25"/>
      <c r="Y95" s="30"/>
      <c r="AB95" s="25"/>
      <c r="AC95" s="33"/>
    </row>
    <row r="96" spans="2:29" ht="22.5">
      <c r="B96" s="4"/>
      <c r="C96" s="25"/>
      <c r="D96" s="25"/>
      <c r="E96" s="25"/>
      <c r="F96" s="20" t="s">
        <v>179</v>
      </c>
      <c r="G96" s="25"/>
      <c r="H96" s="14"/>
      <c r="I96" s="25"/>
      <c r="J96" s="25"/>
      <c r="K96" s="25"/>
      <c r="L96" s="25"/>
      <c r="M96" s="32" t="s">
        <v>377</v>
      </c>
      <c r="N96" s="25"/>
      <c r="O96" s="25"/>
      <c r="P96" s="25"/>
      <c r="Q96" s="25"/>
      <c r="R96" s="25"/>
      <c r="S96" s="25"/>
      <c r="T96" s="25"/>
      <c r="U96" s="25"/>
      <c r="V96" s="25"/>
      <c r="W96" s="25"/>
      <c r="X96" s="25"/>
      <c r="Y96" s="30"/>
      <c r="AB96" s="25"/>
      <c r="AC96" s="32"/>
    </row>
    <row r="97" spans="2:29">
      <c r="B97" s="4"/>
      <c r="C97" s="25"/>
      <c r="D97" s="25"/>
      <c r="E97" s="25"/>
      <c r="F97" s="20" t="s">
        <v>180</v>
      </c>
      <c r="G97" s="25"/>
      <c r="H97" s="14"/>
      <c r="I97" s="25"/>
      <c r="J97" s="25"/>
      <c r="K97" s="25"/>
      <c r="L97" s="25"/>
      <c r="M97" s="25"/>
      <c r="N97" s="25"/>
      <c r="O97" s="25"/>
      <c r="P97" s="25"/>
      <c r="Q97" s="25"/>
      <c r="R97" s="25"/>
      <c r="S97" s="25"/>
      <c r="T97" s="25"/>
      <c r="U97" s="25"/>
      <c r="V97" s="25"/>
      <c r="W97" s="25"/>
      <c r="X97" s="25"/>
      <c r="Y97" s="30"/>
      <c r="AB97" s="25"/>
      <c r="AC97" s="25"/>
    </row>
    <row r="98" spans="2:29">
      <c r="B98" s="4"/>
      <c r="C98" s="25"/>
      <c r="D98" s="25"/>
      <c r="E98" s="25"/>
      <c r="F98" s="20" t="s">
        <v>181</v>
      </c>
      <c r="G98" s="25"/>
      <c r="H98" s="14"/>
      <c r="I98" s="25"/>
      <c r="J98" s="25"/>
      <c r="K98" s="25"/>
      <c r="L98" s="25"/>
      <c r="M98" s="25"/>
      <c r="N98" s="25"/>
      <c r="O98" s="25"/>
      <c r="P98" s="25"/>
      <c r="Q98" s="25"/>
      <c r="R98" s="25"/>
      <c r="S98" s="25"/>
      <c r="T98" s="25"/>
      <c r="U98" s="25"/>
      <c r="V98" s="25"/>
      <c r="W98" s="25"/>
      <c r="X98" s="25"/>
      <c r="AB98" s="25"/>
      <c r="AC98" s="25"/>
    </row>
    <row r="99" spans="2:29">
      <c r="B99" s="4"/>
      <c r="C99" s="25"/>
      <c r="D99" s="25"/>
      <c r="E99" s="25"/>
      <c r="F99" s="20" t="s">
        <v>182</v>
      </c>
      <c r="G99" s="25"/>
      <c r="H99" s="14"/>
      <c r="I99" s="25"/>
      <c r="J99" s="25"/>
      <c r="K99" s="25"/>
      <c r="L99" s="25"/>
      <c r="M99" s="25"/>
      <c r="N99" s="25"/>
      <c r="O99" s="25"/>
      <c r="P99" s="25"/>
      <c r="Q99" s="25"/>
      <c r="R99" s="25"/>
      <c r="S99" s="25"/>
      <c r="T99" s="25"/>
      <c r="U99" s="25"/>
      <c r="V99" s="25"/>
      <c r="W99" s="25"/>
      <c r="X99" s="25"/>
      <c r="AB99" s="25"/>
      <c r="AC99" s="25"/>
    </row>
    <row r="100" spans="2:29">
      <c r="B100" s="4"/>
      <c r="C100" s="25"/>
      <c r="D100" s="25"/>
      <c r="E100" s="25"/>
      <c r="F100" s="20" t="s">
        <v>183</v>
      </c>
      <c r="G100" s="25"/>
      <c r="H100" s="14"/>
      <c r="I100" s="25"/>
      <c r="J100" s="25"/>
      <c r="K100" s="25"/>
      <c r="L100" s="25"/>
      <c r="M100" s="25"/>
      <c r="N100" s="25"/>
      <c r="O100" s="25"/>
      <c r="P100" s="25"/>
      <c r="Q100" s="25"/>
      <c r="R100" s="25"/>
      <c r="S100" s="25"/>
      <c r="T100" s="25"/>
      <c r="U100" s="25"/>
      <c r="V100" s="25"/>
      <c r="W100" s="25"/>
      <c r="X100" s="25"/>
      <c r="AB100" s="25"/>
      <c r="AC100" s="25"/>
    </row>
    <row r="101" spans="2:29">
      <c r="B101" s="4"/>
      <c r="C101" s="25"/>
      <c r="D101" s="25"/>
      <c r="E101" s="25"/>
      <c r="F101" s="20" t="s">
        <v>184</v>
      </c>
      <c r="G101" s="25"/>
      <c r="H101" s="14"/>
      <c r="I101" s="25"/>
      <c r="J101" s="25"/>
      <c r="K101" s="25"/>
      <c r="L101" s="25"/>
      <c r="M101" s="25"/>
      <c r="N101" s="25"/>
      <c r="O101" s="25"/>
      <c r="P101" s="25"/>
      <c r="Q101" s="25"/>
      <c r="R101" s="25"/>
      <c r="S101" s="25"/>
      <c r="T101" s="25"/>
      <c r="U101" s="25"/>
      <c r="V101" s="25"/>
      <c r="W101" s="25"/>
      <c r="X101" s="25"/>
      <c r="AB101" s="25"/>
      <c r="AC101" s="25"/>
    </row>
    <row r="102" spans="2:29">
      <c r="B102" s="4"/>
      <c r="C102" s="25"/>
      <c r="D102" s="25"/>
      <c r="E102" s="25"/>
      <c r="F102" s="20" t="s">
        <v>185</v>
      </c>
      <c r="G102" s="25"/>
      <c r="H102" s="14"/>
      <c r="I102" s="25"/>
      <c r="J102" s="25"/>
      <c r="K102" s="25"/>
      <c r="L102" s="25"/>
      <c r="M102" s="25"/>
      <c r="N102" s="25"/>
      <c r="O102" s="25"/>
      <c r="P102" s="25"/>
      <c r="Q102" s="25"/>
      <c r="R102" s="25"/>
      <c r="S102" s="25"/>
      <c r="T102" s="25"/>
      <c r="U102" s="25"/>
      <c r="V102" s="25"/>
      <c r="W102" s="25"/>
      <c r="X102" s="25"/>
      <c r="AB102" s="25"/>
      <c r="AC102" s="25"/>
    </row>
    <row r="103" spans="2:29">
      <c r="B103" s="4"/>
      <c r="C103" s="25"/>
      <c r="D103" s="25"/>
      <c r="E103" s="25"/>
      <c r="F103" s="20" t="s">
        <v>186</v>
      </c>
      <c r="G103" s="25"/>
      <c r="H103" s="14"/>
      <c r="I103" s="25"/>
      <c r="J103" s="25"/>
      <c r="K103" s="25"/>
      <c r="L103" s="25"/>
      <c r="M103" s="25"/>
      <c r="N103" s="25"/>
      <c r="O103" s="25"/>
      <c r="P103" s="25"/>
      <c r="Q103" s="25"/>
      <c r="R103" s="25"/>
      <c r="S103" s="25"/>
      <c r="T103" s="25"/>
      <c r="U103" s="25"/>
      <c r="V103" s="25"/>
      <c r="W103" s="25"/>
      <c r="X103" s="25"/>
      <c r="AB103" s="25"/>
      <c r="AC103" s="25"/>
    </row>
    <row r="104" spans="2:29">
      <c r="B104" s="4"/>
      <c r="C104" s="25"/>
      <c r="D104" s="25"/>
      <c r="E104" s="25"/>
      <c r="F104" s="20" t="s">
        <v>187</v>
      </c>
      <c r="G104" s="25"/>
      <c r="H104" s="14"/>
      <c r="I104" s="25"/>
      <c r="J104" s="25"/>
      <c r="K104" s="25"/>
      <c r="L104" s="25"/>
      <c r="M104" s="25"/>
      <c r="N104" s="25"/>
      <c r="O104" s="25"/>
      <c r="P104" s="25"/>
      <c r="Q104" s="25"/>
      <c r="R104" s="25"/>
      <c r="S104" s="25"/>
      <c r="T104" s="25"/>
      <c r="U104" s="25"/>
      <c r="V104" s="25"/>
      <c r="W104" s="25"/>
      <c r="X104" s="25"/>
      <c r="AB104" s="25"/>
      <c r="AC104" s="25"/>
    </row>
    <row r="105" spans="2:29">
      <c r="B105" s="4"/>
      <c r="C105" s="25"/>
      <c r="D105" s="25"/>
      <c r="E105" s="25"/>
      <c r="F105" s="20" t="s">
        <v>188</v>
      </c>
      <c r="G105" s="25"/>
      <c r="H105" s="14"/>
      <c r="I105" s="25"/>
      <c r="J105" s="25"/>
      <c r="K105" s="25"/>
      <c r="L105" s="25"/>
      <c r="M105" s="25"/>
      <c r="N105" s="25"/>
      <c r="O105" s="25"/>
      <c r="P105" s="25"/>
      <c r="Q105" s="25"/>
      <c r="R105" s="25"/>
      <c r="S105" s="25"/>
      <c r="T105" s="25"/>
      <c r="U105" s="25"/>
      <c r="V105" s="25"/>
      <c r="W105" s="25"/>
      <c r="X105" s="25"/>
      <c r="AB105" s="25"/>
      <c r="AC105" s="25"/>
    </row>
    <row r="106" spans="2:29">
      <c r="B106" s="4"/>
      <c r="C106" s="25"/>
      <c r="D106" s="25"/>
      <c r="E106" s="25"/>
      <c r="F106" s="20" t="s">
        <v>189</v>
      </c>
      <c r="G106" s="25"/>
      <c r="H106" s="14"/>
      <c r="I106" s="25"/>
      <c r="J106" s="25"/>
      <c r="K106" s="25"/>
      <c r="L106" s="25"/>
      <c r="M106" s="25"/>
      <c r="N106" s="25"/>
      <c r="O106" s="25"/>
      <c r="P106" s="25"/>
      <c r="Q106" s="25"/>
      <c r="R106" s="25"/>
      <c r="S106" s="25"/>
      <c r="T106" s="25"/>
      <c r="U106" s="25"/>
      <c r="V106" s="25"/>
      <c r="W106" s="25"/>
      <c r="X106" s="25"/>
      <c r="AB106" s="25"/>
      <c r="AC106" s="25"/>
    </row>
    <row r="107" spans="2:29">
      <c r="B107" s="4"/>
      <c r="C107" s="25"/>
      <c r="D107" s="25"/>
      <c r="E107" s="25"/>
      <c r="F107" s="20" t="s">
        <v>190</v>
      </c>
      <c r="G107" s="25"/>
      <c r="H107" s="14"/>
      <c r="I107" s="25"/>
      <c r="J107" s="25"/>
      <c r="K107" s="25"/>
      <c r="L107" s="25"/>
      <c r="M107" s="25"/>
      <c r="N107" s="25"/>
      <c r="O107" s="25"/>
      <c r="P107" s="25"/>
      <c r="Q107" s="25"/>
      <c r="R107" s="25"/>
      <c r="S107" s="25"/>
      <c r="T107" s="25"/>
      <c r="U107" s="25"/>
      <c r="V107" s="25"/>
      <c r="W107" s="25"/>
      <c r="X107" s="25"/>
      <c r="AB107" s="25"/>
      <c r="AC107" s="25"/>
    </row>
    <row r="108" spans="2:29">
      <c r="B108" s="4"/>
      <c r="C108" s="25"/>
      <c r="D108" s="25"/>
      <c r="E108" s="25"/>
      <c r="F108" s="20" t="s">
        <v>191</v>
      </c>
      <c r="G108" s="25"/>
      <c r="H108" s="14"/>
      <c r="I108" s="25"/>
      <c r="J108" s="25"/>
      <c r="K108" s="25"/>
      <c r="L108" s="25"/>
      <c r="M108" s="25"/>
      <c r="N108" s="25"/>
      <c r="O108" s="25"/>
      <c r="P108" s="25"/>
      <c r="Q108" s="25"/>
      <c r="R108" s="25"/>
      <c r="S108" s="25"/>
      <c r="T108" s="25"/>
      <c r="U108" s="25"/>
      <c r="V108" s="25"/>
      <c r="W108" s="25"/>
      <c r="X108" s="25"/>
      <c r="AB108" s="25"/>
      <c r="AC108" s="25"/>
    </row>
    <row r="109" spans="2:29">
      <c r="B109" s="4"/>
      <c r="C109" s="25"/>
      <c r="D109" s="25"/>
      <c r="E109" s="25"/>
      <c r="F109" s="20" t="s">
        <v>192</v>
      </c>
      <c r="G109" s="25"/>
      <c r="H109" s="14"/>
      <c r="I109" s="25"/>
      <c r="J109" s="25"/>
      <c r="K109" s="25"/>
      <c r="L109" s="25"/>
      <c r="M109" s="25"/>
      <c r="N109" s="25"/>
      <c r="O109" s="25"/>
      <c r="P109" s="25"/>
      <c r="Q109" s="25"/>
      <c r="R109" s="25"/>
      <c r="S109" s="25"/>
      <c r="T109" s="25"/>
      <c r="U109" s="25"/>
      <c r="V109" s="25"/>
      <c r="W109" s="25"/>
      <c r="X109" s="25"/>
      <c r="AB109" s="25"/>
      <c r="AC109" s="25"/>
    </row>
    <row r="110" spans="2:29">
      <c r="B110" s="4"/>
      <c r="C110" s="25"/>
      <c r="D110" s="25"/>
      <c r="E110" s="25"/>
      <c r="F110" s="20" t="s">
        <v>193</v>
      </c>
      <c r="G110" s="25"/>
      <c r="H110" s="14"/>
      <c r="I110" s="25"/>
      <c r="J110" s="25"/>
      <c r="K110" s="25"/>
      <c r="L110" s="25"/>
      <c r="M110" s="25"/>
      <c r="N110" s="25"/>
      <c r="O110" s="25"/>
      <c r="P110" s="25"/>
      <c r="Q110" s="25"/>
      <c r="R110" s="25"/>
      <c r="S110" s="25"/>
      <c r="T110" s="25"/>
      <c r="U110" s="25"/>
      <c r="V110" s="25"/>
      <c r="W110" s="25"/>
      <c r="X110" s="25"/>
      <c r="AB110" s="25"/>
      <c r="AC110" s="25"/>
    </row>
    <row r="111" spans="2:29">
      <c r="B111" s="4"/>
      <c r="C111" s="25"/>
      <c r="D111" s="25"/>
      <c r="E111" s="25"/>
      <c r="F111" s="20" t="s">
        <v>194</v>
      </c>
      <c r="G111" s="25"/>
      <c r="H111" s="14"/>
      <c r="I111" s="25"/>
      <c r="J111" s="25"/>
      <c r="K111" s="25"/>
      <c r="L111" s="25"/>
      <c r="M111" s="25"/>
      <c r="N111" s="25"/>
      <c r="O111" s="25"/>
      <c r="P111" s="25"/>
      <c r="Q111" s="25"/>
      <c r="R111" s="25"/>
      <c r="S111" s="25"/>
      <c r="T111" s="25"/>
      <c r="U111" s="25"/>
      <c r="V111" s="25"/>
      <c r="W111" s="25"/>
      <c r="X111" s="25"/>
      <c r="AB111" s="25"/>
      <c r="AC111" s="25"/>
    </row>
    <row r="112" spans="2:29">
      <c r="B112" s="4"/>
      <c r="C112" s="25"/>
      <c r="D112" s="25"/>
      <c r="E112" s="25"/>
      <c r="F112" s="20" t="s">
        <v>195</v>
      </c>
      <c r="G112" s="25"/>
      <c r="H112" s="14"/>
      <c r="I112" s="25"/>
      <c r="J112" s="25"/>
      <c r="K112" s="25"/>
      <c r="L112" s="25"/>
      <c r="M112" s="25"/>
      <c r="N112" s="25"/>
      <c r="O112" s="25"/>
      <c r="P112" s="25"/>
      <c r="Q112" s="25"/>
      <c r="R112" s="25"/>
      <c r="S112" s="25"/>
      <c r="T112" s="25"/>
      <c r="U112" s="25"/>
      <c r="V112" s="25"/>
      <c r="W112" s="25"/>
      <c r="X112" s="25"/>
      <c r="AB112" s="25"/>
      <c r="AC112" s="25"/>
    </row>
    <row r="113" spans="2:29">
      <c r="B113" s="4"/>
      <c r="C113" s="25"/>
      <c r="D113" s="25"/>
      <c r="E113" s="25"/>
      <c r="F113" s="20" t="s">
        <v>196</v>
      </c>
      <c r="G113" s="25"/>
      <c r="H113" s="14"/>
      <c r="I113" s="25"/>
      <c r="J113" s="25"/>
      <c r="K113" s="25"/>
      <c r="L113" s="25"/>
      <c r="M113" s="25"/>
      <c r="N113" s="25"/>
      <c r="O113" s="25"/>
      <c r="P113" s="25"/>
      <c r="Q113" s="25"/>
      <c r="R113" s="25"/>
      <c r="S113" s="25"/>
      <c r="T113" s="25"/>
      <c r="U113" s="25"/>
      <c r="V113" s="25"/>
      <c r="W113" s="25"/>
      <c r="X113" s="25"/>
      <c r="AB113" s="25"/>
      <c r="AC113" s="25"/>
    </row>
    <row r="114" spans="2:29">
      <c r="B114" s="4"/>
      <c r="C114" s="25"/>
      <c r="D114" s="25"/>
      <c r="E114" s="25"/>
      <c r="F114" s="20" t="s">
        <v>197</v>
      </c>
      <c r="G114" s="25"/>
      <c r="H114" s="14"/>
      <c r="I114" s="25"/>
      <c r="J114" s="25"/>
      <c r="K114" s="25"/>
      <c r="L114" s="25"/>
      <c r="M114" s="25"/>
      <c r="N114" s="25"/>
      <c r="O114" s="25"/>
      <c r="P114" s="25"/>
      <c r="Q114" s="25"/>
      <c r="R114" s="25"/>
      <c r="S114" s="25"/>
      <c r="T114" s="25"/>
      <c r="U114" s="25"/>
      <c r="V114" s="25"/>
      <c r="W114" s="25"/>
      <c r="X114" s="25"/>
      <c r="AB114" s="25"/>
      <c r="AC114" s="25"/>
    </row>
    <row r="115" spans="2:29">
      <c r="B115" s="4"/>
      <c r="C115" s="25"/>
      <c r="D115" s="25"/>
      <c r="E115" s="25"/>
      <c r="F115" s="20" t="s">
        <v>198</v>
      </c>
      <c r="G115" s="25"/>
      <c r="H115" s="14"/>
      <c r="I115" s="25"/>
      <c r="J115" s="25"/>
      <c r="K115" s="25"/>
      <c r="L115" s="25"/>
      <c r="M115" s="25"/>
      <c r="N115" s="25"/>
      <c r="O115" s="25"/>
      <c r="P115" s="25"/>
      <c r="Q115" s="25"/>
      <c r="R115" s="25"/>
      <c r="S115" s="25"/>
      <c r="T115" s="25"/>
      <c r="U115" s="25"/>
      <c r="V115" s="25"/>
      <c r="W115" s="25"/>
      <c r="X115" s="25"/>
      <c r="AB115" s="25"/>
      <c r="AC115" s="25"/>
    </row>
    <row r="116" spans="2:29">
      <c r="C116" s="21"/>
      <c r="D116" s="21"/>
      <c r="E116" s="21"/>
      <c r="F116" s="23" t="s">
        <v>199</v>
      </c>
      <c r="G116" s="25"/>
      <c r="H116" s="22"/>
      <c r="I116" s="21"/>
      <c r="J116" s="21"/>
      <c r="K116" s="21"/>
      <c r="L116" s="21"/>
      <c r="M116" s="21"/>
      <c r="N116" s="21"/>
      <c r="O116" s="21"/>
      <c r="P116" s="21"/>
      <c r="Q116" s="21"/>
      <c r="R116" s="21"/>
      <c r="S116" s="21"/>
      <c r="T116" s="21"/>
      <c r="U116" s="21"/>
      <c r="V116" s="21"/>
      <c r="W116" s="21"/>
      <c r="X116" s="21"/>
      <c r="AB116" s="21"/>
      <c r="AC116" s="21"/>
    </row>
    <row r="117" spans="2:29">
      <c r="F117" s="2"/>
      <c r="G117" s="21"/>
    </row>
  </sheetData>
  <phoneticPr fontId="3" type="noConversion"/>
  <pageMargins left="0.7" right="0.7" top="0.75" bottom="0.75" header="0.3" footer="0.3"/>
  <pageSetup paperSize="8" scale="43" fitToHeight="0" orientation="landscape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G20:G22"/>
  <sheetViews>
    <sheetView workbookViewId="0">
      <selection activeCell="H26" sqref="H26"/>
    </sheetView>
  </sheetViews>
  <sheetFormatPr defaultRowHeight="16.5"/>
  <sheetData>
    <row r="20" spans="7:7">
      <c r="G20" s="36" t="s">
        <v>386</v>
      </c>
    </row>
    <row r="21" spans="7:7">
      <c r="G21" s="36" t="s">
        <v>387</v>
      </c>
    </row>
    <row r="22" spans="7:7">
      <c r="G22" t="s">
        <v>388</v>
      </c>
    </row>
  </sheetData>
  <phoneticPr fontId="3" type="noConversion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3</vt:i4>
      </vt:variant>
      <vt:variant>
        <vt:lpstr>已命名的範圍</vt:lpstr>
      </vt:variant>
      <vt:variant>
        <vt:i4>5</vt:i4>
      </vt:variant>
    </vt:vector>
  </HeadingPairs>
  <TitlesOfParts>
    <vt:vector size="8" baseType="lpstr">
      <vt:lpstr>工作表1</vt:lpstr>
      <vt:lpstr>工作表2</vt:lpstr>
      <vt:lpstr>工作表3</vt:lpstr>
      <vt:lpstr>民事</vt:lpstr>
      <vt:lpstr>民事2</vt:lpstr>
      <vt:lpstr>刑事</vt:lpstr>
      <vt:lpstr>刑事2</vt:lpstr>
      <vt:lpstr>涉訟類別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蔡奇紘</dc:creator>
  <cp:lastModifiedBy>李雅琪</cp:lastModifiedBy>
  <cp:lastPrinted>2017-12-12T09:11:22Z</cp:lastPrinted>
  <dcterms:created xsi:type="dcterms:W3CDTF">2017-12-04T05:39:00Z</dcterms:created>
  <dcterms:modified xsi:type="dcterms:W3CDTF">2017-12-18T02:23:33Z</dcterms:modified>
</cp:coreProperties>
</file>